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slides/slide87.xml" ContentType="application/vnd.openxmlformats-officedocument.presentationml.slide+xml"/>
  <Override PartName="/ppt/slides/slide8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notesSlides/notesSlide3.xml" ContentType="application/vnd.openxmlformats-officedocument.presentationml.notesSlide+xml"/>
  <Override PartName="/ppt/tags/tag37.xml" ContentType="application/vnd.openxmlformats-officedocument.presentationml.tags+xml"/>
  <Override PartName="/ppt/notesSlides/notesSlide4.xml" ContentType="application/vnd.openxmlformats-officedocument.presentationml.notesSlide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1" r:id="rId2"/>
  </p:sldMasterIdLst>
  <p:notesMasterIdLst>
    <p:notesMasterId r:id="rId91"/>
  </p:notesMasterIdLst>
  <p:sldIdLst>
    <p:sldId id="259" r:id="rId3"/>
    <p:sldId id="467" r:id="rId4"/>
    <p:sldId id="968" r:id="rId5"/>
    <p:sldId id="969" r:id="rId6"/>
    <p:sldId id="257" r:id="rId7"/>
    <p:sldId id="959" r:id="rId8"/>
    <p:sldId id="1039" r:id="rId9"/>
    <p:sldId id="1040" r:id="rId10"/>
    <p:sldId id="258" r:id="rId11"/>
    <p:sldId id="1041" r:id="rId12"/>
    <p:sldId id="1042" r:id="rId13"/>
    <p:sldId id="954" r:id="rId14"/>
    <p:sldId id="960" r:id="rId15"/>
    <p:sldId id="961" r:id="rId16"/>
    <p:sldId id="962" r:id="rId17"/>
    <p:sldId id="963" r:id="rId18"/>
    <p:sldId id="964" r:id="rId19"/>
    <p:sldId id="965" r:id="rId20"/>
    <p:sldId id="966" r:id="rId21"/>
    <p:sldId id="967" r:id="rId22"/>
    <p:sldId id="992" r:id="rId23"/>
    <p:sldId id="993" r:id="rId24"/>
    <p:sldId id="1002" r:id="rId25"/>
    <p:sldId id="271" r:id="rId26"/>
    <p:sldId id="270" r:id="rId27"/>
    <p:sldId id="1043" r:id="rId28"/>
    <p:sldId id="1048" r:id="rId29"/>
    <p:sldId id="1036" r:id="rId30"/>
    <p:sldId id="1058" r:id="rId31"/>
    <p:sldId id="1059" r:id="rId32"/>
    <p:sldId id="1034" r:id="rId33"/>
    <p:sldId id="1019" r:id="rId34"/>
    <p:sldId id="1020" r:id="rId35"/>
    <p:sldId id="1021" r:id="rId36"/>
    <p:sldId id="1023" r:id="rId37"/>
    <p:sldId id="1024" r:id="rId38"/>
    <p:sldId id="1026" r:id="rId39"/>
    <p:sldId id="970" r:id="rId40"/>
    <p:sldId id="932" r:id="rId41"/>
    <p:sldId id="996" r:id="rId42"/>
    <p:sldId id="916" r:id="rId43"/>
    <p:sldId id="1000" r:id="rId44"/>
    <p:sldId id="997" r:id="rId45"/>
    <p:sldId id="1027" r:id="rId46"/>
    <p:sldId id="1031" r:id="rId47"/>
    <p:sldId id="1030" r:id="rId48"/>
    <p:sldId id="1029" r:id="rId49"/>
    <p:sldId id="1047" r:id="rId50"/>
    <p:sldId id="972" r:id="rId51"/>
    <p:sldId id="1032" r:id="rId52"/>
    <p:sldId id="973" r:id="rId53"/>
    <p:sldId id="955" r:id="rId54"/>
    <p:sldId id="958" r:id="rId55"/>
    <p:sldId id="988" r:id="rId56"/>
    <p:sldId id="994" r:id="rId57"/>
    <p:sldId id="471" r:id="rId58"/>
    <p:sldId id="995" r:id="rId59"/>
    <p:sldId id="473" r:id="rId60"/>
    <p:sldId id="474" r:id="rId61"/>
    <p:sldId id="939" r:id="rId62"/>
    <p:sldId id="983" r:id="rId63"/>
    <p:sldId id="1037" r:id="rId64"/>
    <p:sldId id="1056" r:id="rId65"/>
    <p:sldId id="1057" r:id="rId66"/>
    <p:sldId id="984" r:id="rId67"/>
    <p:sldId id="974" r:id="rId68"/>
    <p:sldId id="1018" r:id="rId69"/>
    <p:sldId id="1055" r:id="rId70"/>
    <p:sldId id="981" r:id="rId71"/>
    <p:sldId id="1045" r:id="rId72"/>
    <p:sldId id="1050" r:id="rId73"/>
    <p:sldId id="1051" r:id="rId74"/>
    <p:sldId id="1007" r:id="rId75"/>
    <p:sldId id="1006" r:id="rId76"/>
    <p:sldId id="1010" r:id="rId77"/>
    <p:sldId id="1015" r:id="rId78"/>
    <p:sldId id="1013" r:id="rId79"/>
    <p:sldId id="1014" r:id="rId80"/>
    <p:sldId id="1012" r:id="rId81"/>
    <p:sldId id="1011" r:id="rId82"/>
    <p:sldId id="265" r:id="rId83"/>
    <p:sldId id="1038" r:id="rId84"/>
    <p:sldId id="469" r:id="rId85"/>
    <p:sldId id="1001" r:id="rId86"/>
    <p:sldId id="1049" r:id="rId87"/>
    <p:sldId id="987" r:id="rId88"/>
    <p:sldId id="919" r:id="rId89"/>
    <p:sldId id="468" r:id="rId90"/>
  </p:sldIdLst>
  <p:sldSz cx="12192000" cy="6858000"/>
  <p:notesSz cx="6858000" cy="994568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2EF9582-67D8-4837-9BC7-E30B81B5C308}" v="5508" dt="2023-09-19T19:57:50.27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792" autoAdjust="0"/>
  </p:normalViewPr>
  <p:slideViewPr>
    <p:cSldViewPr snapToGrid="0">
      <p:cViewPr varScale="1">
        <p:scale>
          <a:sx n="80" d="100"/>
          <a:sy n="80" d="100"/>
        </p:scale>
        <p:origin x="136" y="4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26452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4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openxmlformats.org/officeDocument/2006/relationships/slide" Target="slides/slide40.xml"/><Relationship Id="rId47" Type="http://schemas.openxmlformats.org/officeDocument/2006/relationships/slide" Target="slides/slide45.xml"/><Relationship Id="rId50" Type="http://schemas.openxmlformats.org/officeDocument/2006/relationships/slide" Target="slides/slide48.xml"/><Relationship Id="rId55" Type="http://schemas.openxmlformats.org/officeDocument/2006/relationships/slide" Target="slides/slide53.xml"/><Relationship Id="rId63" Type="http://schemas.openxmlformats.org/officeDocument/2006/relationships/slide" Target="slides/slide61.xml"/><Relationship Id="rId68" Type="http://schemas.openxmlformats.org/officeDocument/2006/relationships/slide" Target="slides/slide66.xml"/><Relationship Id="rId76" Type="http://schemas.openxmlformats.org/officeDocument/2006/relationships/slide" Target="slides/slide74.xml"/><Relationship Id="rId84" Type="http://schemas.openxmlformats.org/officeDocument/2006/relationships/slide" Target="slides/slide82.xml"/><Relationship Id="rId89" Type="http://schemas.openxmlformats.org/officeDocument/2006/relationships/slide" Target="slides/slide87.xml"/><Relationship Id="rId97" Type="http://schemas.microsoft.com/office/2015/10/relationships/revisionInfo" Target="revisionInfo.xml"/><Relationship Id="rId7" Type="http://schemas.openxmlformats.org/officeDocument/2006/relationships/slide" Target="slides/slide5.xml"/><Relationship Id="rId71" Type="http://schemas.openxmlformats.org/officeDocument/2006/relationships/slide" Target="slides/slide69.xml"/><Relationship Id="rId92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9" Type="http://schemas.openxmlformats.org/officeDocument/2006/relationships/slide" Target="slides/slide27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slide" Target="slides/slide38.xml"/><Relationship Id="rId45" Type="http://schemas.openxmlformats.org/officeDocument/2006/relationships/slide" Target="slides/slide43.xml"/><Relationship Id="rId53" Type="http://schemas.openxmlformats.org/officeDocument/2006/relationships/slide" Target="slides/slide51.xml"/><Relationship Id="rId58" Type="http://schemas.openxmlformats.org/officeDocument/2006/relationships/slide" Target="slides/slide56.xml"/><Relationship Id="rId66" Type="http://schemas.openxmlformats.org/officeDocument/2006/relationships/slide" Target="slides/slide64.xml"/><Relationship Id="rId74" Type="http://schemas.openxmlformats.org/officeDocument/2006/relationships/slide" Target="slides/slide72.xml"/><Relationship Id="rId79" Type="http://schemas.openxmlformats.org/officeDocument/2006/relationships/slide" Target="slides/slide77.xml"/><Relationship Id="rId87" Type="http://schemas.openxmlformats.org/officeDocument/2006/relationships/slide" Target="slides/slide85.xml"/><Relationship Id="rId5" Type="http://schemas.openxmlformats.org/officeDocument/2006/relationships/slide" Target="slides/slide3.xml"/><Relationship Id="rId61" Type="http://schemas.openxmlformats.org/officeDocument/2006/relationships/slide" Target="slides/slide59.xml"/><Relationship Id="rId82" Type="http://schemas.openxmlformats.org/officeDocument/2006/relationships/slide" Target="slides/slide80.xml"/><Relationship Id="rId90" Type="http://schemas.openxmlformats.org/officeDocument/2006/relationships/slide" Target="slides/slide88.xml"/><Relationship Id="rId95" Type="http://schemas.openxmlformats.org/officeDocument/2006/relationships/tableStyles" Target="tableStyles.xml"/><Relationship Id="rId19" Type="http://schemas.openxmlformats.org/officeDocument/2006/relationships/slide" Target="slides/slide1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43" Type="http://schemas.openxmlformats.org/officeDocument/2006/relationships/slide" Target="slides/slide41.xml"/><Relationship Id="rId48" Type="http://schemas.openxmlformats.org/officeDocument/2006/relationships/slide" Target="slides/slide46.xml"/><Relationship Id="rId56" Type="http://schemas.openxmlformats.org/officeDocument/2006/relationships/slide" Target="slides/slide54.xml"/><Relationship Id="rId64" Type="http://schemas.openxmlformats.org/officeDocument/2006/relationships/slide" Target="slides/slide62.xml"/><Relationship Id="rId69" Type="http://schemas.openxmlformats.org/officeDocument/2006/relationships/slide" Target="slides/slide67.xml"/><Relationship Id="rId77" Type="http://schemas.openxmlformats.org/officeDocument/2006/relationships/slide" Target="slides/slide75.xml"/><Relationship Id="rId8" Type="http://schemas.openxmlformats.org/officeDocument/2006/relationships/slide" Target="slides/slide6.xml"/><Relationship Id="rId51" Type="http://schemas.openxmlformats.org/officeDocument/2006/relationships/slide" Target="slides/slide49.xml"/><Relationship Id="rId72" Type="http://schemas.openxmlformats.org/officeDocument/2006/relationships/slide" Target="slides/slide70.xml"/><Relationship Id="rId80" Type="http://schemas.openxmlformats.org/officeDocument/2006/relationships/slide" Target="slides/slide78.xml"/><Relationship Id="rId85" Type="http://schemas.openxmlformats.org/officeDocument/2006/relationships/slide" Target="slides/slide83.xml"/><Relationship Id="rId93" Type="http://schemas.openxmlformats.org/officeDocument/2006/relationships/viewProps" Target="viewProps.xml"/><Relationship Id="rId3" Type="http://schemas.openxmlformats.org/officeDocument/2006/relationships/slide" Target="slides/slide1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slide" Target="slides/slide36.xml"/><Relationship Id="rId46" Type="http://schemas.openxmlformats.org/officeDocument/2006/relationships/slide" Target="slides/slide44.xml"/><Relationship Id="rId59" Type="http://schemas.openxmlformats.org/officeDocument/2006/relationships/slide" Target="slides/slide57.xml"/><Relationship Id="rId67" Type="http://schemas.openxmlformats.org/officeDocument/2006/relationships/slide" Target="slides/slide65.xml"/><Relationship Id="rId20" Type="http://schemas.openxmlformats.org/officeDocument/2006/relationships/slide" Target="slides/slide18.xml"/><Relationship Id="rId41" Type="http://schemas.openxmlformats.org/officeDocument/2006/relationships/slide" Target="slides/slide39.xml"/><Relationship Id="rId54" Type="http://schemas.openxmlformats.org/officeDocument/2006/relationships/slide" Target="slides/slide52.xml"/><Relationship Id="rId62" Type="http://schemas.openxmlformats.org/officeDocument/2006/relationships/slide" Target="slides/slide60.xml"/><Relationship Id="rId70" Type="http://schemas.openxmlformats.org/officeDocument/2006/relationships/slide" Target="slides/slide68.xml"/><Relationship Id="rId75" Type="http://schemas.openxmlformats.org/officeDocument/2006/relationships/slide" Target="slides/slide73.xml"/><Relationship Id="rId83" Type="http://schemas.openxmlformats.org/officeDocument/2006/relationships/slide" Target="slides/slide81.xml"/><Relationship Id="rId88" Type="http://schemas.openxmlformats.org/officeDocument/2006/relationships/slide" Target="slides/slide86.xml"/><Relationship Id="rId91" Type="http://schemas.openxmlformats.org/officeDocument/2006/relationships/notesMaster" Target="notesMasters/notesMaster1.xml"/><Relationship Id="rId96" Type="http://schemas.microsoft.com/office/2016/11/relationships/changesInfo" Target="changesInfos/changesInfo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49" Type="http://schemas.openxmlformats.org/officeDocument/2006/relationships/slide" Target="slides/slide47.xml"/><Relationship Id="rId57" Type="http://schemas.openxmlformats.org/officeDocument/2006/relationships/slide" Target="slides/slide55.xml"/><Relationship Id="rId10" Type="http://schemas.openxmlformats.org/officeDocument/2006/relationships/slide" Target="slides/slide8.xml"/><Relationship Id="rId31" Type="http://schemas.openxmlformats.org/officeDocument/2006/relationships/slide" Target="slides/slide29.xml"/><Relationship Id="rId44" Type="http://schemas.openxmlformats.org/officeDocument/2006/relationships/slide" Target="slides/slide42.xml"/><Relationship Id="rId52" Type="http://schemas.openxmlformats.org/officeDocument/2006/relationships/slide" Target="slides/slide50.xml"/><Relationship Id="rId60" Type="http://schemas.openxmlformats.org/officeDocument/2006/relationships/slide" Target="slides/slide58.xml"/><Relationship Id="rId65" Type="http://schemas.openxmlformats.org/officeDocument/2006/relationships/slide" Target="slides/slide63.xml"/><Relationship Id="rId73" Type="http://schemas.openxmlformats.org/officeDocument/2006/relationships/slide" Target="slides/slide71.xml"/><Relationship Id="rId78" Type="http://schemas.openxmlformats.org/officeDocument/2006/relationships/slide" Target="slides/slide76.xml"/><Relationship Id="rId81" Type="http://schemas.openxmlformats.org/officeDocument/2006/relationships/slide" Target="slides/slide79.xml"/><Relationship Id="rId86" Type="http://schemas.openxmlformats.org/officeDocument/2006/relationships/slide" Target="slides/slide84.xml"/><Relationship Id="rId94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39" Type="http://schemas.openxmlformats.org/officeDocument/2006/relationships/slide" Target="slides/slide37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aizet, Sebastien" userId="4c329518-9e12-4f6b-8afa-9dbe60ec0c36" providerId="ADAL" clId="{62EF9582-67D8-4837-9BC7-E30B81B5C308}"/>
    <pc:docChg chg="undo redo custSel addSld delSld modSld sldOrd">
      <pc:chgData name="Laizet, Sebastien" userId="4c329518-9e12-4f6b-8afa-9dbe60ec0c36" providerId="ADAL" clId="{62EF9582-67D8-4837-9BC7-E30B81B5C308}" dt="2023-09-19T19:57:53.922" v="13059" actId="47"/>
      <pc:docMkLst>
        <pc:docMk/>
      </pc:docMkLst>
      <pc:sldChg chg="addSp delSp modSp del mod">
        <pc:chgData name="Laizet, Sebastien" userId="4c329518-9e12-4f6b-8afa-9dbe60ec0c36" providerId="ADAL" clId="{62EF9582-67D8-4837-9BC7-E30B81B5C308}" dt="2023-09-14T18:07:50.555" v="7978" actId="47"/>
        <pc:sldMkLst>
          <pc:docMk/>
          <pc:sldMk cId="0" sldId="256"/>
        </pc:sldMkLst>
        <pc:spChg chg="add mod">
          <ac:chgData name="Laizet, Sebastien" userId="4c329518-9e12-4f6b-8afa-9dbe60ec0c36" providerId="ADAL" clId="{62EF9582-67D8-4837-9BC7-E30B81B5C308}" dt="2023-06-16T21:51:07.538" v="2341" actId="14100"/>
          <ac:spMkLst>
            <pc:docMk/>
            <pc:sldMk cId="0" sldId="256"/>
            <ac:spMk id="2" creationId="{3B4FA446-8D17-10C3-EA23-C330BF9EA618}"/>
          </ac:spMkLst>
        </pc:spChg>
        <pc:spChg chg="add del mod">
          <ac:chgData name="Laizet, Sebastien" userId="4c329518-9e12-4f6b-8afa-9dbe60ec0c36" providerId="ADAL" clId="{62EF9582-67D8-4837-9BC7-E30B81B5C308}" dt="2023-09-12T19:53:31.613" v="4750" actId="20577"/>
          <ac:spMkLst>
            <pc:docMk/>
            <pc:sldMk cId="0" sldId="256"/>
            <ac:spMk id="2051" creationId="{07EFF7A9-48D4-45DE-AD6F-09B6CCE0F09D}"/>
          </ac:spMkLst>
        </pc:spChg>
        <pc:spChg chg="del">
          <ac:chgData name="Laizet, Sebastien" userId="4c329518-9e12-4f6b-8afa-9dbe60ec0c36" providerId="ADAL" clId="{62EF9582-67D8-4837-9BC7-E30B81B5C308}" dt="2023-06-15T21:31:27.229" v="1156" actId="478"/>
          <ac:spMkLst>
            <pc:docMk/>
            <pc:sldMk cId="0" sldId="256"/>
            <ac:spMk id="2052" creationId="{56BFC386-EED4-4F9C-96BF-72EED3A0DDBA}"/>
          </ac:spMkLst>
        </pc:spChg>
        <pc:picChg chg="add del mod">
          <ac:chgData name="Laizet, Sebastien" userId="4c329518-9e12-4f6b-8afa-9dbe60ec0c36" providerId="ADAL" clId="{62EF9582-67D8-4837-9BC7-E30B81B5C308}" dt="2023-06-15T21:42:02.363" v="1583" actId="478"/>
          <ac:picMkLst>
            <pc:docMk/>
            <pc:sldMk cId="0" sldId="256"/>
            <ac:picMk id="3" creationId="{7F7B9895-7B4B-CA04-5059-9F2E037E8B95}"/>
          </ac:picMkLst>
        </pc:picChg>
        <pc:picChg chg="add mod">
          <ac:chgData name="Laizet, Sebastien" userId="4c329518-9e12-4f6b-8afa-9dbe60ec0c36" providerId="ADAL" clId="{62EF9582-67D8-4837-9BC7-E30B81B5C308}" dt="2023-09-12T19:55:34.820" v="4756" actId="14100"/>
          <ac:picMkLst>
            <pc:docMk/>
            <pc:sldMk cId="0" sldId="256"/>
            <ac:picMk id="4" creationId="{632BE9E1-7500-A34D-0E7F-76101578FAF7}"/>
          </ac:picMkLst>
        </pc:picChg>
        <pc:picChg chg="add del mod">
          <ac:chgData name="Laizet, Sebastien" userId="4c329518-9e12-4f6b-8afa-9dbe60ec0c36" providerId="ADAL" clId="{62EF9582-67D8-4837-9BC7-E30B81B5C308}" dt="2023-09-12T19:54:15.340" v="4752" actId="478"/>
          <ac:picMkLst>
            <pc:docMk/>
            <pc:sldMk cId="0" sldId="256"/>
            <ac:picMk id="6" creationId="{142778D8-B5C0-5E62-4210-6FAA28EB75C7}"/>
          </ac:picMkLst>
        </pc:picChg>
      </pc:sldChg>
      <pc:sldChg chg="modSp mod">
        <pc:chgData name="Laizet, Sebastien" userId="4c329518-9e12-4f6b-8afa-9dbe60ec0c36" providerId="ADAL" clId="{62EF9582-67D8-4837-9BC7-E30B81B5C308}" dt="2023-09-14T07:12:25.541" v="7612" actId="115"/>
        <pc:sldMkLst>
          <pc:docMk/>
          <pc:sldMk cId="0" sldId="257"/>
        </pc:sldMkLst>
        <pc:spChg chg="mod">
          <ac:chgData name="Laizet, Sebastien" userId="4c329518-9e12-4f6b-8afa-9dbe60ec0c36" providerId="ADAL" clId="{62EF9582-67D8-4837-9BC7-E30B81B5C308}" dt="2023-06-15T21:58:15.378" v="1671" actId="20577"/>
          <ac:spMkLst>
            <pc:docMk/>
            <pc:sldMk cId="0" sldId="257"/>
            <ac:spMk id="4099" creationId="{A7A1F31D-E6E9-4142-9975-E72DDFAE7331}"/>
          </ac:spMkLst>
        </pc:spChg>
        <pc:spChg chg="mod">
          <ac:chgData name="Laizet, Sebastien" userId="4c329518-9e12-4f6b-8afa-9dbe60ec0c36" providerId="ADAL" clId="{62EF9582-67D8-4837-9BC7-E30B81B5C308}" dt="2023-06-15T13:41:15.185" v="1056" actId="20577"/>
          <ac:spMkLst>
            <pc:docMk/>
            <pc:sldMk cId="0" sldId="257"/>
            <ac:spMk id="4100" creationId="{952EF886-43CC-47F2-B278-1911E82BEAE5}"/>
          </ac:spMkLst>
        </pc:spChg>
        <pc:spChg chg="mod">
          <ac:chgData name="Laizet, Sebastien" userId="4c329518-9e12-4f6b-8afa-9dbe60ec0c36" providerId="ADAL" clId="{62EF9582-67D8-4837-9BC7-E30B81B5C308}" dt="2023-06-15T21:23:56.998" v="1154" actId="313"/>
          <ac:spMkLst>
            <pc:docMk/>
            <pc:sldMk cId="0" sldId="257"/>
            <ac:spMk id="4101" creationId="{58EE5A22-90F7-453C-98D1-84221EFC0C6C}"/>
          </ac:spMkLst>
        </pc:spChg>
        <pc:spChg chg="mod">
          <ac:chgData name="Laizet, Sebastien" userId="4c329518-9e12-4f6b-8afa-9dbe60ec0c36" providerId="ADAL" clId="{62EF9582-67D8-4837-9BC7-E30B81B5C308}" dt="2023-06-15T13:41:19.816" v="1060" actId="20577"/>
          <ac:spMkLst>
            <pc:docMk/>
            <pc:sldMk cId="0" sldId="257"/>
            <ac:spMk id="4102" creationId="{4FF53A71-2C78-433D-8E57-2B9F66862B60}"/>
          </ac:spMkLst>
        </pc:spChg>
        <pc:spChg chg="mod">
          <ac:chgData name="Laizet, Sebastien" userId="4c329518-9e12-4f6b-8afa-9dbe60ec0c36" providerId="ADAL" clId="{62EF9582-67D8-4837-9BC7-E30B81B5C308}" dt="2023-06-15T13:41:29.672" v="1064" actId="20577"/>
          <ac:spMkLst>
            <pc:docMk/>
            <pc:sldMk cId="0" sldId="257"/>
            <ac:spMk id="4103" creationId="{A01D6BCF-94E7-4A7B-83D3-DC9277A05B23}"/>
          </ac:spMkLst>
        </pc:spChg>
        <pc:spChg chg="mod">
          <ac:chgData name="Laizet, Sebastien" userId="4c329518-9e12-4f6b-8afa-9dbe60ec0c36" providerId="ADAL" clId="{62EF9582-67D8-4837-9BC7-E30B81B5C308}" dt="2023-09-14T07:12:25.541" v="7612" actId="115"/>
          <ac:spMkLst>
            <pc:docMk/>
            <pc:sldMk cId="0" sldId="257"/>
            <ac:spMk id="4105" creationId="{6AAA6D93-C1B8-4ECD-ABD5-F33458D02369}"/>
          </ac:spMkLst>
        </pc:spChg>
      </pc:sldChg>
      <pc:sldChg chg="del modAnim">
        <pc:chgData name="Laizet, Sebastien" userId="4c329518-9e12-4f6b-8afa-9dbe60ec0c36" providerId="ADAL" clId="{62EF9582-67D8-4837-9BC7-E30B81B5C308}" dt="2023-09-14T21:12:23.162" v="8857"/>
        <pc:sldMkLst>
          <pc:docMk/>
          <pc:sldMk cId="0" sldId="258"/>
        </pc:sldMkLst>
      </pc:sldChg>
      <pc:sldChg chg="addSp delSp modSp mod">
        <pc:chgData name="Laizet, Sebastien" userId="4c329518-9e12-4f6b-8afa-9dbe60ec0c36" providerId="ADAL" clId="{62EF9582-67D8-4837-9BC7-E30B81B5C308}" dt="2023-09-14T20:01:25.781" v="8837"/>
        <pc:sldMkLst>
          <pc:docMk/>
          <pc:sldMk cId="3113018918" sldId="259"/>
        </pc:sldMkLst>
        <pc:spChg chg="mod">
          <ac:chgData name="Laizet, Sebastien" userId="4c329518-9e12-4f6b-8afa-9dbe60ec0c36" providerId="ADAL" clId="{62EF9582-67D8-4837-9BC7-E30B81B5C308}" dt="2023-09-13T12:02:05.476" v="5846" actId="1076"/>
          <ac:spMkLst>
            <pc:docMk/>
            <pc:sldMk cId="3113018918" sldId="259"/>
            <ac:spMk id="6" creationId="{2E35101A-D7E0-4A95-9686-9E34203A8AF8}"/>
          </ac:spMkLst>
        </pc:spChg>
        <pc:spChg chg="mod">
          <ac:chgData name="Laizet, Sebastien" userId="4c329518-9e12-4f6b-8afa-9dbe60ec0c36" providerId="ADAL" clId="{62EF9582-67D8-4837-9BC7-E30B81B5C308}" dt="2023-09-13T12:02:00.912" v="5845" actId="20577"/>
          <ac:spMkLst>
            <pc:docMk/>
            <pc:sldMk cId="3113018918" sldId="259"/>
            <ac:spMk id="9" creationId="{A77DDC67-5A1C-44B9-B67D-A244D727A2B8}"/>
          </ac:spMkLst>
        </pc:spChg>
        <pc:picChg chg="add mod">
          <ac:chgData name="Laizet, Sebastien" userId="4c329518-9e12-4f6b-8afa-9dbe60ec0c36" providerId="ADAL" clId="{62EF9582-67D8-4837-9BC7-E30B81B5C308}" dt="2023-09-14T20:01:25.781" v="8837"/>
          <ac:picMkLst>
            <pc:docMk/>
            <pc:sldMk cId="3113018918" sldId="259"/>
            <ac:picMk id="2" creationId="{A2AEA6B2-A1D7-865B-F79A-39F6836972A4}"/>
          </ac:picMkLst>
        </pc:picChg>
        <pc:picChg chg="add del mod">
          <ac:chgData name="Laizet, Sebastien" userId="4c329518-9e12-4f6b-8afa-9dbe60ec0c36" providerId="ADAL" clId="{62EF9582-67D8-4837-9BC7-E30B81B5C308}" dt="2023-09-14T20:01:10.064" v="8835" actId="478"/>
          <ac:picMkLst>
            <pc:docMk/>
            <pc:sldMk cId="3113018918" sldId="259"/>
            <ac:picMk id="4" creationId="{EC86195C-99EE-1999-5BC9-118B14714CEA}"/>
          </ac:picMkLst>
        </pc:picChg>
        <pc:picChg chg="add del mod">
          <ac:chgData name="Laizet, Sebastien" userId="4c329518-9e12-4f6b-8afa-9dbe60ec0c36" providerId="ADAL" clId="{62EF9582-67D8-4837-9BC7-E30B81B5C308}" dt="2023-09-14T20:01:15.425" v="8836" actId="478"/>
          <ac:picMkLst>
            <pc:docMk/>
            <pc:sldMk cId="3113018918" sldId="259"/>
            <ac:picMk id="7" creationId="{C797631F-E857-AD1A-B4D6-4D29730D1B2A}"/>
          </ac:picMkLst>
        </pc:picChg>
        <pc:picChg chg="del">
          <ac:chgData name="Laizet, Sebastien" userId="4c329518-9e12-4f6b-8afa-9dbe60ec0c36" providerId="ADAL" clId="{62EF9582-67D8-4837-9BC7-E30B81B5C308}" dt="2023-09-13T12:14:15.703" v="5847" actId="478"/>
          <ac:picMkLst>
            <pc:docMk/>
            <pc:sldMk cId="3113018918" sldId="259"/>
            <ac:picMk id="8" creationId="{8A6833B4-1C47-4876-B1F5-B1984901CF13}"/>
          </ac:picMkLst>
        </pc:picChg>
        <pc:picChg chg="add del mod">
          <ac:chgData name="Laizet, Sebastien" userId="4c329518-9e12-4f6b-8afa-9dbe60ec0c36" providerId="ADAL" clId="{62EF9582-67D8-4837-9BC7-E30B81B5C308}" dt="2023-09-14T20:01:15.425" v="8836" actId="478"/>
          <ac:picMkLst>
            <pc:docMk/>
            <pc:sldMk cId="3113018918" sldId="259"/>
            <ac:picMk id="12" creationId="{5CDAFD13-98FE-5BBA-250A-0C960CEC848F}"/>
          </ac:picMkLst>
        </pc:picChg>
        <pc:picChg chg="add del mod">
          <ac:chgData name="Laizet, Sebastien" userId="4c329518-9e12-4f6b-8afa-9dbe60ec0c36" providerId="ADAL" clId="{62EF9582-67D8-4837-9BC7-E30B81B5C308}" dt="2023-09-14T20:01:15.425" v="8836" actId="478"/>
          <ac:picMkLst>
            <pc:docMk/>
            <pc:sldMk cId="3113018918" sldId="259"/>
            <ac:picMk id="14" creationId="{91A6BBAA-C141-C200-4CEB-50C6A04E7DA6}"/>
          </ac:picMkLst>
        </pc:picChg>
      </pc:sldChg>
      <pc:sldChg chg="addSp delSp modSp del mod">
        <pc:chgData name="Laizet, Sebastien" userId="4c329518-9e12-4f6b-8afa-9dbe60ec0c36" providerId="ADAL" clId="{62EF9582-67D8-4837-9BC7-E30B81B5C308}" dt="2023-09-14T18:08:47.614" v="7979" actId="47"/>
        <pc:sldMkLst>
          <pc:docMk/>
          <pc:sldMk cId="0" sldId="260"/>
        </pc:sldMkLst>
        <pc:spChg chg="add del mod">
          <ac:chgData name="Laizet, Sebastien" userId="4c329518-9e12-4f6b-8afa-9dbe60ec0c36" providerId="ADAL" clId="{62EF9582-67D8-4837-9BC7-E30B81B5C308}" dt="2023-06-16T21:37:47.924" v="2286"/>
          <ac:spMkLst>
            <pc:docMk/>
            <pc:sldMk cId="0" sldId="260"/>
            <ac:spMk id="2" creationId="{D2FA211D-EE5F-C570-4671-76936BB1F207}"/>
          </ac:spMkLst>
        </pc:spChg>
        <pc:spChg chg="add mod">
          <ac:chgData name="Laizet, Sebastien" userId="4c329518-9e12-4f6b-8afa-9dbe60ec0c36" providerId="ADAL" clId="{62EF9582-67D8-4837-9BC7-E30B81B5C308}" dt="2023-06-16T21:58:40.451" v="2470" actId="14100"/>
          <ac:spMkLst>
            <pc:docMk/>
            <pc:sldMk cId="0" sldId="260"/>
            <ac:spMk id="3" creationId="{120F13FC-5473-F31C-FD68-090AB744D505}"/>
          </ac:spMkLst>
        </pc:spChg>
        <pc:spChg chg="del">
          <ac:chgData name="Laizet, Sebastien" userId="4c329518-9e12-4f6b-8afa-9dbe60ec0c36" providerId="ADAL" clId="{62EF9582-67D8-4837-9BC7-E30B81B5C308}" dt="2023-06-16T21:57:32.659" v="2427" actId="478"/>
          <ac:spMkLst>
            <pc:docMk/>
            <pc:sldMk cId="0" sldId="260"/>
            <ac:spMk id="6147" creationId="{DADF1722-AC02-4639-B91A-A4265CAE6E54}"/>
          </ac:spMkLst>
        </pc:spChg>
        <pc:spChg chg="del mod">
          <ac:chgData name="Laizet, Sebastien" userId="4c329518-9e12-4f6b-8afa-9dbe60ec0c36" providerId="ADAL" clId="{62EF9582-67D8-4837-9BC7-E30B81B5C308}" dt="2023-06-16T21:58:12.354" v="2430" actId="478"/>
          <ac:spMkLst>
            <pc:docMk/>
            <pc:sldMk cId="0" sldId="260"/>
            <ac:spMk id="6148" creationId="{A6EBEEC5-4318-4BAB-BE22-C78D8F45312E}"/>
          </ac:spMkLst>
        </pc:spChg>
        <pc:spChg chg="mod">
          <ac:chgData name="Laizet, Sebastien" userId="4c329518-9e12-4f6b-8afa-9dbe60ec0c36" providerId="ADAL" clId="{62EF9582-67D8-4837-9BC7-E30B81B5C308}" dt="2023-06-16T21:59:18.547" v="2473" actId="20577"/>
          <ac:spMkLst>
            <pc:docMk/>
            <pc:sldMk cId="0" sldId="260"/>
            <ac:spMk id="6149" creationId="{BA025B4C-F085-40F2-9AC5-422253C8E491}"/>
          </ac:spMkLst>
        </pc:spChg>
      </pc:sldChg>
      <pc:sldChg chg="del">
        <pc:chgData name="Laizet, Sebastien" userId="4c329518-9e12-4f6b-8afa-9dbe60ec0c36" providerId="ADAL" clId="{62EF9582-67D8-4837-9BC7-E30B81B5C308}" dt="2023-09-14T18:09:24.272" v="7981" actId="47"/>
        <pc:sldMkLst>
          <pc:docMk/>
          <pc:sldMk cId="0" sldId="261"/>
        </pc:sldMkLst>
      </pc:sldChg>
      <pc:sldChg chg="del">
        <pc:chgData name="Laizet, Sebastien" userId="4c329518-9e12-4f6b-8afa-9dbe60ec0c36" providerId="ADAL" clId="{62EF9582-67D8-4837-9BC7-E30B81B5C308}" dt="2023-09-14T18:09:51.443" v="7983" actId="47"/>
        <pc:sldMkLst>
          <pc:docMk/>
          <pc:sldMk cId="0" sldId="262"/>
        </pc:sldMkLst>
      </pc:sldChg>
      <pc:sldChg chg="del">
        <pc:chgData name="Laizet, Sebastien" userId="4c329518-9e12-4f6b-8afa-9dbe60ec0c36" providerId="ADAL" clId="{62EF9582-67D8-4837-9BC7-E30B81B5C308}" dt="2023-09-13T18:42:19.954" v="6588" actId="47"/>
        <pc:sldMkLst>
          <pc:docMk/>
          <pc:sldMk cId="0" sldId="263"/>
        </pc:sldMkLst>
      </pc:sldChg>
      <pc:sldChg chg="del">
        <pc:chgData name="Laizet, Sebastien" userId="4c329518-9e12-4f6b-8afa-9dbe60ec0c36" providerId="ADAL" clId="{62EF9582-67D8-4837-9BC7-E30B81B5C308}" dt="2023-09-13T18:56:20.753" v="6589" actId="47"/>
        <pc:sldMkLst>
          <pc:docMk/>
          <pc:sldMk cId="0" sldId="264"/>
        </pc:sldMkLst>
      </pc:sldChg>
      <pc:sldChg chg="addSp modSp mod modAnim">
        <pc:chgData name="Laizet, Sebastien" userId="4c329518-9e12-4f6b-8afa-9dbe60ec0c36" providerId="ADAL" clId="{62EF9582-67D8-4837-9BC7-E30B81B5C308}" dt="2023-09-18T19:14:15.674" v="13057" actId="1076"/>
        <pc:sldMkLst>
          <pc:docMk/>
          <pc:sldMk cId="0" sldId="265"/>
        </pc:sldMkLst>
        <pc:spChg chg="mod">
          <ac:chgData name="Laizet, Sebastien" userId="4c329518-9e12-4f6b-8afa-9dbe60ec0c36" providerId="ADAL" clId="{62EF9582-67D8-4837-9BC7-E30B81B5C308}" dt="2023-09-15T22:45:30.835" v="12547" actId="1076"/>
          <ac:spMkLst>
            <pc:docMk/>
            <pc:sldMk cId="0" sldId="265"/>
            <ac:spMk id="3" creationId="{BB5BA1BF-31DF-AAEF-B5CE-02342EB59F22}"/>
          </ac:spMkLst>
        </pc:spChg>
        <pc:spChg chg="mod">
          <ac:chgData name="Laizet, Sebastien" userId="4c329518-9e12-4f6b-8afa-9dbe60ec0c36" providerId="ADAL" clId="{62EF9582-67D8-4837-9BC7-E30B81B5C308}" dt="2023-09-15T22:47:57.784" v="12562" actId="1076"/>
          <ac:spMkLst>
            <pc:docMk/>
            <pc:sldMk cId="0" sldId="265"/>
            <ac:spMk id="4" creationId="{1D2F2D76-C8E0-FFF4-F6E2-FCF3A5AC858D}"/>
          </ac:spMkLst>
        </pc:spChg>
        <pc:spChg chg="mod">
          <ac:chgData name="Laizet, Sebastien" userId="4c329518-9e12-4f6b-8afa-9dbe60ec0c36" providerId="ADAL" clId="{62EF9582-67D8-4837-9BC7-E30B81B5C308}" dt="2023-09-15T22:45:44.156" v="12550" actId="1076"/>
          <ac:spMkLst>
            <pc:docMk/>
            <pc:sldMk cId="0" sldId="265"/>
            <ac:spMk id="5" creationId="{D3DE696B-D511-BA40-3460-4E50E98CB3BA}"/>
          </ac:spMkLst>
        </pc:spChg>
        <pc:spChg chg="mod">
          <ac:chgData name="Laizet, Sebastien" userId="4c329518-9e12-4f6b-8afa-9dbe60ec0c36" providerId="ADAL" clId="{62EF9582-67D8-4837-9BC7-E30B81B5C308}" dt="2023-09-15T22:45:49.031" v="12551" actId="1076"/>
          <ac:spMkLst>
            <pc:docMk/>
            <pc:sldMk cId="0" sldId="265"/>
            <ac:spMk id="6" creationId="{8E719E84-21BE-4239-451E-7BFECADBC6B9}"/>
          </ac:spMkLst>
        </pc:spChg>
        <pc:spChg chg="add mod">
          <ac:chgData name="Laizet, Sebastien" userId="4c329518-9e12-4f6b-8afa-9dbe60ec0c36" providerId="ADAL" clId="{62EF9582-67D8-4837-9BC7-E30B81B5C308}" dt="2023-09-18T19:14:15.674" v="13057" actId="1076"/>
          <ac:spMkLst>
            <pc:docMk/>
            <pc:sldMk cId="0" sldId="265"/>
            <ac:spMk id="7" creationId="{5500E5AF-0AE7-22E9-1440-1650722A5D59}"/>
          </ac:spMkLst>
        </pc:spChg>
        <pc:spChg chg="mod">
          <ac:chgData name="Laizet, Sebastien" userId="4c329518-9e12-4f6b-8afa-9dbe60ec0c36" providerId="ADAL" clId="{62EF9582-67D8-4837-9BC7-E30B81B5C308}" dt="2023-09-15T22:44:57.809" v="12540" actId="1076"/>
          <ac:spMkLst>
            <pc:docMk/>
            <pc:sldMk cId="0" sldId="265"/>
            <ac:spMk id="11" creationId="{4638C972-E243-A94A-712D-0AF7D870AEA1}"/>
          </ac:spMkLst>
        </pc:spChg>
        <pc:spChg chg="mod">
          <ac:chgData name="Laizet, Sebastien" userId="4c329518-9e12-4f6b-8afa-9dbe60ec0c36" providerId="ADAL" clId="{62EF9582-67D8-4837-9BC7-E30B81B5C308}" dt="2023-09-15T22:50:56.493" v="12584" actId="20577"/>
          <ac:spMkLst>
            <pc:docMk/>
            <pc:sldMk cId="0" sldId="265"/>
            <ac:spMk id="2052" creationId="{D043411E-F1F7-A207-AEED-AD35EE788A91}"/>
          </ac:spMkLst>
        </pc:spChg>
        <pc:spChg chg="mod">
          <ac:chgData name="Laizet, Sebastien" userId="4c329518-9e12-4f6b-8afa-9dbe60ec0c36" providerId="ADAL" clId="{62EF9582-67D8-4837-9BC7-E30B81B5C308}" dt="2023-09-15T22:45:26.108" v="12546" actId="1076"/>
          <ac:spMkLst>
            <pc:docMk/>
            <pc:sldMk cId="0" sldId="265"/>
            <ac:spMk id="2053" creationId="{2F5E7EFD-9635-E904-82E8-4FC14F50455C}"/>
          </ac:spMkLst>
        </pc:spChg>
        <pc:spChg chg="mod">
          <ac:chgData name="Laizet, Sebastien" userId="4c329518-9e12-4f6b-8afa-9dbe60ec0c36" providerId="ADAL" clId="{62EF9582-67D8-4837-9BC7-E30B81B5C308}" dt="2023-09-15T22:45:10.133" v="12543" actId="1076"/>
          <ac:spMkLst>
            <pc:docMk/>
            <pc:sldMk cId="0" sldId="265"/>
            <ac:spMk id="2058" creationId="{859AA5F4-AD67-3F34-9838-CF2FCD910101}"/>
          </ac:spMkLst>
        </pc:spChg>
        <pc:spChg chg="mod">
          <ac:chgData name="Laizet, Sebastien" userId="4c329518-9e12-4f6b-8afa-9dbe60ec0c36" providerId="ADAL" clId="{62EF9582-67D8-4837-9BC7-E30B81B5C308}" dt="2023-09-15T22:45:35.330" v="12548" actId="1076"/>
          <ac:spMkLst>
            <pc:docMk/>
            <pc:sldMk cId="0" sldId="265"/>
            <ac:spMk id="2060" creationId="{32EF2A8E-4212-E65F-4223-5B497E3CB3E8}"/>
          </ac:spMkLst>
        </pc:spChg>
        <pc:spChg chg="mod">
          <ac:chgData name="Laizet, Sebastien" userId="4c329518-9e12-4f6b-8afa-9dbe60ec0c36" providerId="ADAL" clId="{62EF9582-67D8-4837-9BC7-E30B81B5C308}" dt="2023-09-15T22:45:14.373" v="12544" actId="1076"/>
          <ac:spMkLst>
            <pc:docMk/>
            <pc:sldMk cId="0" sldId="265"/>
            <ac:spMk id="2061" creationId="{8BF93DB6-0A4E-586B-D24D-D993869B248E}"/>
          </ac:spMkLst>
        </pc:spChg>
        <pc:grpChg chg="mod">
          <ac:chgData name="Laizet, Sebastien" userId="4c329518-9e12-4f6b-8afa-9dbe60ec0c36" providerId="ADAL" clId="{62EF9582-67D8-4837-9BC7-E30B81B5C308}" dt="2023-09-15T22:45:14.373" v="12544" actId="1076"/>
          <ac:grpSpMkLst>
            <pc:docMk/>
            <pc:sldMk cId="0" sldId="265"/>
            <ac:grpSpMk id="2054" creationId="{C5B821EA-7C0C-3148-3EB0-228EA3CFD978}"/>
          </ac:grpSpMkLst>
        </pc:grpChg>
        <pc:picChg chg="mod">
          <ac:chgData name="Laizet, Sebastien" userId="4c329518-9e12-4f6b-8afa-9dbe60ec0c36" providerId="ADAL" clId="{62EF9582-67D8-4837-9BC7-E30B81B5C308}" dt="2023-09-15T22:45:21.863" v="12545" actId="1076"/>
          <ac:picMkLst>
            <pc:docMk/>
            <pc:sldMk cId="0" sldId="265"/>
            <ac:picMk id="2050" creationId="{B1F20714-BE4B-B813-5310-621B5847C3A2}"/>
          </ac:picMkLst>
        </pc:picChg>
        <pc:picChg chg="mod">
          <ac:chgData name="Laizet, Sebastien" userId="4c329518-9e12-4f6b-8afa-9dbe60ec0c36" providerId="ADAL" clId="{62EF9582-67D8-4837-9BC7-E30B81B5C308}" dt="2023-09-15T22:45:01.016" v="12541" actId="1076"/>
          <ac:picMkLst>
            <pc:docMk/>
            <pc:sldMk cId="0" sldId="265"/>
            <ac:picMk id="2055" creationId="{0B550AB5-C1E8-B212-F041-311E9B7E93E9}"/>
          </ac:picMkLst>
        </pc:picChg>
        <pc:picChg chg="mod">
          <ac:chgData name="Laizet, Sebastien" userId="4c329518-9e12-4f6b-8afa-9dbe60ec0c36" providerId="ADAL" clId="{62EF9582-67D8-4837-9BC7-E30B81B5C308}" dt="2023-09-15T22:45:04.957" v="12542" actId="1076"/>
          <ac:picMkLst>
            <pc:docMk/>
            <pc:sldMk cId="0" sldId="265"/>
            <ac:picMk id="2056" creationId="{3E03D4EF-F1DB-CA4B-15CF-0C98D9CB985A}"/>
          </ac:picMkLst>
        </pc:picChg>
        <pc:picChg chg="mod">
          <ac:chgData name="Laizet, Sebastien" userId="4c329518-9e12-4f6b-8afa-9dbe60ec0c36" providerId="ADAL" clId="{62EF9582-67D8-4837-9BC7-E30B81B5C308}" dt="2023-09-15T22:45:14.373" v="12544" actId="1076"/>
          <ac:picMkLst>
            <pc:docMk/>
            <pc:sldMk cId="0" sldId="265"/>
            <ac:picMk id="2062" creationId="{22F265E7-BAEC-0CC1-C1C1-C0B264F2D682}"/>
          </ac:picMkLst>
        </pc:picChg>
      </pc:sldChg>
      <pc:sldChg chg="modSp mod">
        <pc:chgData name="Laizet, Sebastien" userId="4c329518-9e12-4f6b-8afa-9dbe60ec0c36" providerId="ADAL" clId="{62EF9582-67D8-4837-9BC7-E30B81B5C308}" dt="2023-09-14T19:56:23.279" v="8828" actId="5793"/>
        <pc:sldMkLst>
          <pc:docMk/>
          <pc:sldMk cId="1514594706" sldId="270"/>
        </pc:sldMkLst>
        <pc:spChg chg="mod">
          <ac:chgData name="Laizet, Sebastien" userId="4c329518-9e12-4f6b-8afa-9dbe60ec0c36" providerId="ADAL" clId="{62EF9582-67D8-4837-9BC7-E30B81B5C308}" dt="2023-09-14T19:56:23.279" v="8828" actId="5793"/>
          <ac:spMkLst>
            <pc:docMk/>
            <pc:sldMk cId="1514594706" sldId="270"/>
            <ac:spMk id="17" creationId="{1FBD5A38-CF0A-900F-609B-A62C6F8B3CE7}"/>
          </ac:spMkLst>
        </pc:spChg>
      </pc:sldChg>
      <pc:sldChg chg="modSp mod">
        <pc:chgData name="Laizet, Sebastien" userId="4c329518-9e12-4f6b-8afa-9dbe60ec0c36" providerId="ADAL" clId="{62EF9582-67D8-4837-9BC7-E30B81B5C308}" dt="2023-09-13T21:16:09.105" v="7180" actId="1076"/>
        <pc:sldMkLst>
          <pc:docMk/>
          <pc:sldMk cId="3977661388" sldId="271"/>
        </pc:sldMkLst>
        <pc:picChg chg="mod">
          <ac:chgData name="Laizet, Sebastien" userId="4c329518-9e12-4f6b-8afa-9dbe60ec0c36" providerId="ADAL" clId="{62EF9582-67D8-4837-9BC7-E30B81B5C308}" dt="2023-09-13T21:16:09.105" v="7180" actId="1076"/>
          <ac:picMkLst>
            <pc:docMk/>
            <pc:sldMk cId="3977661388" sldId="271"/>
            <ac:picMk id="14" creationId="{D52E0999-3201-2B39-7268-C632D6C784F3}"/>
          </ac:picMkLst>
        </pc:picChg>
      </pc:sldChg>
      <pc:sldChg chg="addSp delSp modSp mod addAnim delAnim modAnim">
        <pc:chgData name="Laizet, Sebastien" userId="4c329518-9e12-4f6b-8afa-9dbe60ec0c36" providerId="ADAL" clId="{62EF9582-67D8-4837-9BC7-E30B81B5C308}" dt="2023-09-14T20:02:27.056" v="8843"/>
        <pc:sldMkLst>
          <pc:docMk/>
          <pc:sldMk cId="1926056040" sldId="467"/>
        </pc:sldMkLst>
        <pc:spChg chg="add del mod">
          <ac:chgData name="Laizet, Sebastien" userId="4c329518-9e12-4f6b-8afa-9dbe60ec0c36" providerId="ADAL" clId="{62EF9582-67D8-4837-9BC7-E30B81B5C308}" dt="2023-09-13T21:07:04.570" v="7027" actId="20577"/>
          <ac:spMkLst>
            <pc:docMk/>
            <pc:sldMk cId="1926056040" sldId="467"/>
            <ac:spMk id="2" creationId="{E7AE7941-FFAE-AB3B-7781-BDAAD4086016}"/>
          </ac:spMkLst>
        </pc:spChg>
        <pc:spChg chg="mod">
          <ac:chgData name="Laizet, Sebastien" userId="4c329518-9e12-4f6b-8afa-9dbe60ec0c36" providerId="ADAL" clId="{62EF9582-67D8-4837-9BC7-E30B81B5C308}" dt="2023-09-13T21:06:59.951" v="7025" actId="20577"/>
          <ac:spMkLst>
            <pc:docMk/>
            <pc:sldMk cId="1926056040" sldId="467"/>
            <ac:spMk id="12" creationId="{58A5B8D3-3ED8-4F5C-83E9-5B6AD9E92050}"/>
          </ac:spMkLst>
        </pc:spChg>
        <pc:spChg chg="mod">
          <ac:chgData name="Laizet, Sebastien" userId="4c329518-9e12-4f6b-8afa-9dbe60ec0c36" providerId="ADAL" clId="{62EF9582-67D8-4837-9BC7-E30B81B5C308}" dt="2023-09-14T20:01:39.106" v="8838" actId="1076"/>
          <ac:spMkLst>
            <pc:docMk/>
            <pc:sldMk cId="1926056040" sldId="467"/>
            <ac:spMk id="13" creationId="{89A6ECF4-64A1-412A-B73C-694DEB0B2967}"/>
          </ac:spMkLst>
        </pc:spChg>
        <pc:spChg chg="del mod">
          <ac:chgData name="Laizet, Sebastien" userId="4c329518-9e12-4f6b-8afa-9dbe60ec0c36" providerId="ADAL" clId="{62EF9582-67D8-4837-9BC7-E30B81B5C308}" dt="2023-06-15T13:06:14.462" v="602" actId="478"/>
          <ac:spMkLst>
            <pc:docMk/>
            <pc:sldMk cId="1926056040" sldId="467"/>
            <ac:spMk id="16" creationId="{1316F97B-AA51-469B-836F-818A06F260EA}"/>
          </ac:spMkLst>
        </pc:spChg>
        <pc:spChg chg="add del mod">
          <ac:chgData name="Laizet, Sebastien" userId="4c329518-9e12-4f6b-8afa-9dbe60ec0c36" providerId="ADAL" clId="{62EF9582-67D8-4837-9BC7-E30B81B5C308}" dt="2023-09-13T20:54:47.982" v="6964" actId="478"/>
          <ac:spMkLst>
            <pc:docMk/>
            <pc:sldMk cId="1926056040" sldId="467"/>
            <ac:spMk id="17" creationId="{9B2ED9E4-77EB-46A5-BD3A-A718974B3A02}"/>
          </ac:spMkLst>
        </pc:spChg>
        <pc:spChg chg="del mod">
          <ac:chgData name="Laizet, Sebastien" userId="4c329518-9e12-4f6b-8afa-9dbe60ec0c36" providerId="ADAL" clId="{62EF9582-67D8-4837-9BC7-E30B81B5C308}" dt="2023-09-13T20:56:38.475" v="7012" actId="478"/>
          <ac:spMkLst>
            <pc:docMk/>
            <pc:sldMk cId="1926056040" sldId="467"/>
            <ac:spMk id="19" creationId="{7C39C3AF-B06D-4987-9500-6A7C62C7900E}"/>
          </ac:spMkLst>
        </pc:spChg>
        <pc:spChg chg="add del mod">
          <ac:chgData name="Laizet, Sebastien" userId="4c329518-9e12-4f6b-8afa-9dbe60ec0c36" providerId="ADAL" clId="{62EF9582-67D8-4837-9BC7-E30B81B5C308}" dt="2023-09-13T22:10:38.109" v="7421" actId="20577"/>
          <ac:spMkLst>
            <pc:docMk/>
            <pc:sldMk cId="1926056040" sldId="467"/>
            <ac:spMk id="21" creationId="{89A98CCD-49BD-436D-8B4A-2018467AF000}"/>
          </ac:spMkLst>
        </pc:spChg>
        <pc:spChg chg="mod">
          <ac:chgData name="Laizet, Sebastien" userId="4c329518-9e12-4f6b-8afa-9dbe60ec0c36" providerId="ADAL" clId="{62EF9582-67D8-4837-9BC7-E30B81B5C308}" dt="2023-09-13T21:06:56.778" v="7024" actId="20577"/>
          <ac:spMkLst>
            <pc:docMk/>
            <pc:sldMk cId="1926056040" sldId="467"/>
            <ac:spMk id="23" creationId="{8D04184E-4D92-4F28-9BBA-0ED7E3ADB1A7}"/>
          </ac:spMkLst>
        </pc:spChg>
        <pc:spChg chg="del mod">
          <ac:chgData name="Laizet, Sebastien" userId="4c329518-9e12-4f6b-8afa-9dbe60ec0c36" providerId="ADAL" clId="{62EF9582-67D8-4837-9BC7-E30B81B5C308}" dt="2023-09-13T20:56:02.611" v="7009" actId="478"/>
          <ac:spMkLst>
            <pc:docMk/>
            <pc:sldMk cId="1926056040" sldId="467"/>
            <ac:spMk id="26" creationId="{C9EE6925-F58F-46E2-BA1A-F9343105AC5A}"/>
          </ac:spMkLst>
        </pc:spChg>
        <pc:spChg chg="add del mod">
          <ac:chgData name="Laizet, Sebastien" userId="4c329518-9e12-4f6b-8afa-9dbe60ec0c36" providerId="ADAL" clId="{62EF9582-67D8-4837-9BC7-E30B81B5C308}" dt="2023-09-13T20:56:27.316" v="7010" actId="1076"/>
          <ac:spMkLst>
            <pc:docMk/>
            <pc:sldMk cId="1926056040" sldId="467"/>
            <ac:spMk id="27" creationId="{278E6C2F-DB6A-4859-A031-199BD60EA0C8}"/>
          </ac:spMkLst>
        </pc:spChg>
        <pc:spChg chg="del mod">
          <ac:chgData name="Laizet, Sebastien" userId="4c329518-9e12-4f6b-8afa-9dbe60ec0c36" providerId="ADAL" clId="{62EF9582-67D8-4837-9BC7-E30B81B5C308}" dt="2023-09-13T20:43:16.407" v="6898" actId="478"/>
          <ac:spMkLst>
            <pc:docMk/>
            <pc:sldMk cId="1926056040" sldId="467"/>
            <ac:spMk id="29" creationId="{C982BA42-B7D2-43FE-8C01-072B338A3F67}"/>
          </ac:spMkLst>
        </pc:spChg>
        <pc:spChg chg="del mod">
          <ac:chgData name="Laizet, Sebastien" userId="4c329518-9e12-4f6b-8afa-9dbe60ec0c36" providerId="ADAL" clId="{62EF9582-67D8-4837-9BC7-E30B81B5C308}" dt="2023-06-15T13:05:30.369" v="555" actId="478"/>
          <ac:spMkLst>
            <pc:docMk/>
            <pc:sldMk cId="1926056040" sldId="467"/>
            <ac:spMk id="30" creationId="{AA6923C5-7541-48C1-B067-E9913F13BA64}"/>
          </ac:spMkLst>
        </pc:spChg>
      </pc:sldChg>
      <pc:sldChg chg="addSp delSp modSp mod">
        <pc:chgData name="Laizet, Sebastien" userId="4c329518-9e12-4f6b-8afa-9dbe60ec0c36" providerId="ADAL" clId="{62EF9582-67D8-4837-9BC7-E30B81B5C308}" dt="2023-09-13T12:15:04.243" v="5854" actId="1076"/>
        <pc:sldMkLst>
          <pc:docMk/>
          <pc:sldMk cId="2672663416" sldId="468"/>
        </pc:sldMkLst>
        <pc:picChg chg="add mod">
          <ac:chgData name="Laizet, Sebastien" userId="4c329518-9e12-4f6b-8afa-9dbe60ec0c36" providerId="ADAL" clId="{62EF9582-67D8-4837-9BC7-E30B81B5C308}" dt="2023-09-13T12:15:04.243" v="5854" actId="1076"/>
          <ac:picMkLst>
            <pc:docMk/>
            <pc:sldMk cId="2672663416" sldId="468"/>
            <ac:picMk id="4" creationId="{9DEB1C2F-71F2-CEA3-B8F3-6298EE068A51}"/>
          </ac:picMkLst>
        </pc:picChg>
        <pc:picChg chg="del">
          <ac:chgData name="Laizet, Sebastien" userId="4c329518-9e12-4f6b-8afa-9dbe60ec0c36" providerId="ADAL" clId="{62EF9582-67D8-4837-9BC7-E30B81B5C308}" dt="2023-09-13T12:14:50.448" v="5851" actId="478"/>
          <ac:picMkLst>
            <pc:docMk/>
            <pc:sldMk cId="2672663416" sldId="468"/>
            <ac:picMk id="8" creationId="{8A6833B4-1C47-4876-B1F5-B1984901CF13}"/>
          </ac:picMkLst>
        </pc:picChg>
      </pc:sldChg>
      <pc:sldChg chg="modSp ord">
        <pc:chgData name="Laizet, Sebastien" userId="4c329518-9e12-4f6b-8afa-9dbe60ec0c36" providerId="ADAL" clId="{62EF9582-67D8-4837-9BC7-E30B81B5C308}" dt="2023-09-14T07:30:18.379" v="7966" actId="20577"/>
        <pc:sldMkLst>
          <pc:docMk/>
          <pc:sldMk cId="59788422" sldId="469"/>
        </pc:sldMkLst>
        <pc:spChg chg="mod">
          <ac:chgData name="Laizet, Sebastien" userId="4c329518-9e12-4f6b-8afa-9dbe60ec0c36" providerId="ADAL" clId="{62EF9582-67D8-4837-9BC7-E30B81B5C308}" dt="2023-09-14T07:27:27.670" v="7893" actId="20577"/>
          <ac:spMkLst>
            <pc:docMk/>
            <pc:sldMk cId="59788422" sldId="469"/>
            <ac:spMk id="10" creationId="{DBE87E56-4915-41ED-91F3-4057C979C0C4}"/>
          </ac:spMkLst>
        </pc:spChg>
        <pc:spChg chg="mod">
          <ac:chgData name="Laizet, Sebastien" userId="4c329518-9e12-4f6b-8afa-9dbe60ec0c36" providerId="ADAL" clId="{62EF9582-67D8-4837-9BC7-E30B81B5C308}" dt="2023-09-14T07:30:18.379" v="7966" actId="20577"/>
          <ac:spMkLst>
            <pc:docMk/>
            <pc:sldMk cId="59788422" sldId="469"/>
            <ac:spMk id="16" creationId="{4D1228C0-623C-4570-BA9F-9BD98AA2E251}"/>
          </ac:spMkLst>
        </pc:spChg>
      </pc:sldChg>
      <pc:sldChg chg="modSp mod">
        <pc:chgData name="Laizet, Sebastien" userId="4c329518-9e12-4f6b-8afa-9dbe60ec0c36" providerId="ADAL" clId="{62EF9582-67D8-4837-9BC7-E30B81B5C308}" dt="2023-09-14T07:14:48.617" v="7702" actId="1076"/>
        <pc:sldMkLst>
          <pc:docMk/>
          <pc:sldMk cId="0" sldId="471"/>
        </pc:sldMkLst>
        <pc:spChg chg="mod">
          <ac:chgData name="Laizet, Sebastien" userId="4c329518-9e12-4f6b-8afa-9dbe60ec0c36" providerId="ADAL" clId="{62EF9582-67D8-4837-9BC7-E30B81B5C308}" dt="2023-09-14T07:14:48.617" v="7702" actId="1076"/>
          <ac:spMkLst>
            <pc:docMk/>
            <pc:sldMk cId="0" sldId="471"/>
            <ac:spMk id="29782" creationId="{9565AC63-87DB-02E0-EE4E-F9323FDDC146}"/>
          </ac:spMkLst>
        </pc:spChg>
      </pc:sldChg>
      <pc:sldChg chg="addSp modSp del mod">
        <pc:chgData name="Laizet, Sebastien" userId="4c329518-9e12-4f6b-8afa-9dbe60ec0c36" providerId="ADAL" clId="{62EF9582-67D8-4837-9BC7-E30B81B5C308}" dt="2023-09-13T21:10:06.210" v="7031" actId="47"/>
        <pc:sldMkLst>
          <pc:docMk/>
          <pc:sldMk cId="2847541912" sldId="472"/>
        </pc:sldMkLst>
        <pc:picChg chg="add mod">
          <ac:chgData name="Laizet, Sebastien" userId="4c329518-9e12-4f6b-8afa-9dbe60ec0c36" providerId="ADAL" clId="{62EF9582-67D8-4837-9BC7-E30B81B5C308}" dt="2023-06-15T14:56:26.983" v="1094" actId="1076"/>
          <ac:picMkLst>
            <pc:docMk/>
            <pc:sldMk cId="2847541912" sldId="472"/>
            <ac:picMk id="5" creationId="{A242ED1E-9EF6-B43A-0D74-0954610563A1}"/>
          </ac:picMkLst>
        </pc:picChg>
        <pc:picChg chg="add mod">
          <ac:chgData name="Laizet, Sebastien" userId="4c329518-9e12-4f6b-8afa-9dbe60ec0c36" providerId="ADAL" clId="{62EF9582-67D8-4837-9BC7-E30B81B5C308}" dt="2023-06-15T14:56:03.949" v="1092" actId="1076"/>
          <ac:picMkLst>
            <pc:docMk/>
            <pc:sldMk cId="2847541912" sldId="472"/>
            <ac:picMk id="8" creationId="{5AFAC0AA-DDD2-B703-F81B-558C2D43170F}"/>
          </ac:picMkLst>
        </pc:picChg>
        <pc:picChg chg="add mod">
          <ac:chgData name="Laizet, Sebastien" userId="4c329518-9e12-4f6b-8afa-9dbe60ec0c36" providerId="ADAL" clId="{62EF9582-67D8-4837-9BC7-E30B81B5C308}" dt="2023-06-15T14:56:34.860" v="1096" actId="1076"/>
          <ac:picMkLst>
            <pc:docMk/>
            <pc:sldMk cId="2847541912" sldId="472"/>
            <ac:picMk id="11" creationId="{0513324E-EFA8-A4FD-FEB4-FDCFD94846E5}"/>
          </ac:picMkLst>
        </pc:picChg>
        <pc:picChg chg="add mod">
          <ac:chgData name="Laizet, Sebastien" userId="4c329518-9e12-4f6b-8afa-9dbe60ec0c36" providerId="ADAL" clId="{62EF9582-67D8-4837-9BC7-E30B81B5C308}" dt="2023-06-15T14:57:13.212" v="1099" actId="1076"/>
          <ac:picMkLst>
            <pc:docMk/>
            <pc:sldMk cId="2847541912" sldId="472"/>
            <ac:picMk id="13" creationId="{3D47E7D9-1905-0554-D323-B73E6C736606}"/>
          </ac:picMkLst>
        </pc:picChg>
        <pc:picChg chg="add">
          <ac:chgData name="Laizet, Sebastien" userId="4c329518-9e12-4f6b-8afa-9dbe60ec0c36" providerId="ADAL" clId="{62EF9582-67D8-4837-9BC7-E30B81B5C308}" dt="2023-06-15T14:58:11.261" v="1100" actId="22"/>
          <ac:picMkLst>
            <pc:docMk/>
            <pc:sldMk cId="2847541912" sldId="472"/>
            <ac:picMk id="15" creationId="{217BC935-6A36-9132-6326-C2809D41E650}"/>
          </ac:picMkLst>
        </pc:picChg>
        <pc:picChg chg="add mod">
          <ac:chgData name="Laizet, Sebastien" userId="4c329518-9e12-4f6b-8afa-9dbe60ec0c36" providerId="ADAL" clId="{62EF9582-67D8-4837-9BC7-E30B81B5C308}" dt="2023-09-13T21:10:03.067" v="7030" actId="1076"/>
          <ac:picMkLst>
            <pc:docMk/>
            <pc:sldMk cId="2847541912" sldId="472"/>
            <ac:picMk id="17" creationId="{08873291-17BA-720C-9211-DC3DD7F058DA}"/>
          </ac:picMkLst>
        </pc:picChg>
        <pc:picChg chg="add">
          <ac:chgData name="Laizet, Sebastien" userId="4c329518-9e12-4f6b-8afa-9dbe60ec0c36" providerId="ADAL" clId="{62EF9582-67D8-4837-9BC7-E30B81B5C308}" dt="2023-06-15T14:58:45.957" v="1103" actId="22"/>
          <ac:picMkLst>
            <pc:docMk/>
            <pc:sldMk cId="2847541912" sldId="472"/>
            <ac:picMk id="19" creationId="{49EEFA5E-D651-37B1-84CC-665CF021F23B}"/>
          </ac:picMkLst>
        </pc:picChg>
      </pc:sldChg>
      <pc:sldChg chg="addSp delSp modSp mod">
        <pc:chgData name="Laizet, Sebastien" userId="4c329518-9e12-4f6b-8afa-9dbe60ec0c36" providerId="ADAL" clId="{62EF9582-67D8-4837-9BC7-E30B81B5C308}" dt="2023-09-14T07:16:44.597" v="7764" actId="1036"/>
        <pc:sldMkLst>
          <pc:docMk/>
          <pc:sldMk cId="0" sldId="473"/>
        </pc:sldMkLst>
        <pc:spChg chg="add del mod">
          <ac:chgData name="Laizet, Sebastien" userId="4c329518-9e12-4f6b-8afa-9dbe60ec0c36" providerId="ADAL" clId="{62EF9582-67D8-4837-9BC7-E30B81B5C308}" dt="2023-09-14T07:16:44.597" v="7764" actId="1036"/>
          <ac:spMkLst>
            <pc:docMk/>
            <pc:sldMk cId="0" sldId="473"/>
            <ac:spMk id="31748" creationId="{96D3DD7E-6C6A-0C52-2CA9-4707AB04995A}"/>
          </ac:spMkLst>
        </pc:spChg>
      </pc:sldChg>
      <pc:sldChg chg="addSp modSp mod modAnim">
        <pc:chgData name="Laizet, Sebastien" userId="4c329518-9e12-4f6b-8afa-9dbe60ec0c36" providerId="ADAL" clId="{62EF9582-67D8-4837-9BC7-E30B81B5C308}" dt="2023-09-16T06:16:53.652" v="12895"/>
        <pc:sldMkLst>
          <pc:docMk/>
          <pc:sldMk cId="0" sldId="474"/>
        </pc:sldMkLst>
        <pc:spChg chg="add mod">
          <ac:chgData name="Laizet, Sebastien" userId="4c329518-9e12-4f6b-8afa-9dbe60ec0c36" providerId="ADAL" clId="{62EF9582-67D8-4837-9BC7-E30B81B5C308}" dt="2023-09-16T06:16:44.876" v="12894" actId="1076"/>
          <ac:spMkLst>
            <pc:docMk/>
            <pc:sldMk cId="0" sldId="474"/>
            <ac:spMk id="2" creationId="{18521581-69E7-837F-B7A1-FE382B283C7E}"/>
          </ac:spMkLst>
        </pc:spChg>
        <pc:spChg chg="mod">
          <ac:chgData name="Laizet, Sebastien" userId="4c329518-9e12-4f6b-8afa-9dbe60ec0c36" providerId="ADAL" clId="{62EF9582-67D8-4837-9BC7-E30B81B5C308}" dt="2023-09-14T07:15:20.538" v="7730" actId="1076"/>
          <ac:spMkLst>
            <pc:docMk/>
            <pc:sldMk cId="0" sldId="474"/>
            <ac:spMk id="32824" creationId="{9D1FDE77-F514-D91B-CA50-7EC973982C32}"/>
          </ac:spMkLst>
        </pc:spChg>
      </pc:sldChg>
      <pc:sldChg chg="del">
        <pc:chgData name="Laizet, Sebastien" userId="4c329518-9e12-4f6b-8afa-9dbe60ec0c36" providerId="ADAL" clId="{62EF9582-67D8-4837-9BC7-E30B81B5C308}" dt="2023-09-13T21:09:40.626" v="7028" actId="47"/>
        <pc:sldMkLst>
          <pc:docMk/>
          <pc:sldMk cId="547381400" sldId="899"/>
        </pc:sldMkLst>
      </pc:sldChg>
      <pc:sldChg chg="del">
        <pc:chgData name="Laizet, Sebastien" userId="4c329518-9e12-4f6b-8afa-9dbe60ec0c36" providerId="ADAL" clId="{62EF9582-67D8-4837-9BC7-E30B81B5C308}" dt="2023-06-15T13:40:17.582" v="1048" actId="47"/>
        <pc:sldMkLst>
          <pc:docMk/>
          <pc:sldMk cId="1265286641" sldId="906"/>
        </pc:sldMkLst>
      </pc:sldChg>
      <pc:sldChg chg="del">
        <pc:chgData name="Laizet, Sebastien" userId="4c329518-9e12-4f6b-8afa-9dbe60ec0c36" providerId="ADAL" clId="{62EF9582-67D8-4837-9BC7-E30B81B5C308}" dt="2023-06-15T13:40:20.444" v="1049" actId="47"/>
        <pc:sldMkLst>
          <pc:docMk/>
          <pc:sldMk cId="795360524" sldId="907"/>
        </pc:sldMkLst>
      </pc:sldChg>
      <pc:sldChg chg="del">
        <pc:chgData name="Laizet, Sebastien" userId="4c329518-9e12-4f6b-8afa-9dbe60ec0c36" providerId="ADAL" clId="{62EF9582-67D8-4837-9BC7-E30B81B5C308}" dt="2023-06-15T13:40:22.767" v="1050" actId="47"/>
        <pc:sldMkLst>
          <pc:docMk/>
          <pc:sldMk cId="1502523973" sldId="908"/>
        </pc:sldMkLst>
      </pc:sldChg>
      <pc:sldChg chg="del">
        <pc:chgData name="Laizet, Sebastien" userId="4c329518-9e12-4f6b-8afa-9dbe60ec0c36" providerId="ADAL" clId="{62EF9582-67D8-4837-9BC7-E30B81B5C308}" dt="2023-06-15T13:40:31.527" v="1051" actId="47"/>
        <pc:sldMkLst>
          <pc:docMk/>
          <pc:sldMk cId="3878229092" sldId="909"/>
        </pc:sldMkLst>
      </pc:sldChg>
      <pc:sldChg chg="del">
        <pc:chgData name="Laizet, Sebastien" userId="4c329518-9e12-4f6b-8afa-9dbe60ec0c36" providerId="ADAL" clId="{62EF9582-67D8-4837-9BC7-E30B81B5C308}" dt="2023-09-08T22:28:42.129" v="3225" actId="47"/>
        <pc:sldMkLst>
          <pc:docMk/>
          <pc:sldMk cId="3945926233" sldId="911"/>
        </pc:sldMkLst>
      </pc:sldChg>
      <pc:sldChg chg="addSp delSp modSp mod">
        <pc:chgData name="Laizet, Sebastien" userId="4c329518-9e12-4f6b-8afa-9dbe60ec0c36" providerId="ADAL" clId="{62EF9582-67D8-4837-9BC7-E30B81B5C308}" dt="2023-09-13T20:04:15.159" v="6811" actId="20577"/>
        <pc:sldMkLst>
          <pc:docMk/>
          <pc:sldMk cId="2653733275" sldId="916"/>
        </pc:sldMkLst>
        <pc:spChg chg="add mod">
          <ac:chgData name="Laizet, Sebastien" userId="4c329518-9e12-4f6b-8afa-9dbe60ec0c36" providerId="ADAL" clId="{62EF9582-67D8-4837-9BC7-E30B81B5C308}" dt="2023-09-13T20:04:15.159" v="6811" actId="20577"/>
          <ac:spMkLst>
            <pc:docMk/>
            <pc:sldMk cId="2653733275" sldId="916"/>
            <ac:spMk id="4" creationId="{22D864BE-226A-797B-486C-A045AE43AB3D}"/>
          </ac:spMkLst>
        </pc:spChg>
        <pc:picChg chg="add mod">
          <ac:chgData name="Laizet, Sebastien" userId="4c329518-9e12-4f6b-8afa-9dbe60ec0c36" providerId="ADAL" clId="{62EF9582-67D8-4837-9BC7-E30B81B5C308}" dt="2023-09-08T21:54:09.101" v="2976" actId="1076"/>
          <ac:picMkLst>
            <pc:docMk/>
            <pc:sldMk cId="2653733275" sldId="916"/>
            <ac:picMk id="2" creationId="{01FC0A17-8474-FC83-C935-B5C1A207646F}"/>
          </ac:picMkLst>
        </pc:picChg>
        <pc:picChg chg="add mod">
          <ac:chgData name="Laizet, Sebastien" userId="4c329518-9e12-4f6b-8afa-9dbe60ec0c36" providerId="ADAL" clId="{62EF9582-67D8-4837-9BC7-E30B81B5C308}" dt="2023-09-08T22:25:14.542" v="3117" actId="688"/>
          <ac:picMkLst>
            <pc:docMk/>
            <pc:sldMk cId="2653733275" sldId="916"/>
            <ac:picMk id="3" creationId="{DD6AD485-EBAC-BE7B-B5F5-D55FB8E723BC}"/>
          </ac:picMkLst>
        </pc:picChg>
        <pc:picChg chg="del">
          <ac:chgData name="Laizet, Sebastien" userId="4c329518-9e12-4f6b-8afa-9dbe60ec0c36" providerId="ADAL" clId="{62EF9582-67D8-4837-9BC7-E30B81B5C308}" dt="2023-09-08T21:42:39.192" v="2905" actId="478"/>
          <ac:picMkLst>
            <pc:docMk/>
            <pc:sldMk cId="2653733275" sldId="916"/>
            <ac:picMk id="7" creationId="{E57CBFBF-C981-47F0-BA11-382CB754C215}"/>
          </ac:picMkLst>
        </pc:picChg>
      </pc:sldChg>
      <pc:sldChg chg="del">
        <pc:chgData name="Laizet, Sebastien" userId="4c329518-9e12-4f6b-8afa-9dbe60ec0c36" providerId="ADAL" clId="{62EF9582-67D8-4837-9BC7-E30B81B5C308}" dt="2023-09-08T22:28:57.771" v="3226" actId="47"/>
        <pc:sldMkLst>
          <pc:docMk/>
          <pc:sldMk cId="839527298" sldId="917"/>
        </pc:sldMkLst>
      </pc:sldChg>
      <pc:sldChg chg="del">
        <pc:chgData name="Laizet, Sebastien" userId="4c329518-9e12-4f6b-8afa-9dbe60ec0c36" providerId="ADAL" clId="{62EF9582-67D8-4837-9BC7-E30B81B5C308}" dt="2023-06-15T13:06:58.192" v="609" actId="47"/>
        <pc:sldMkLst>
          <pc:docMk/>
          <pc:sldMk cId="1280972331" sldId="918"/>
        </pc:sldMkLst>
      </pc:sldChg>
      <pc:sldChg chg="del">
        <pc:chgData name="Laizet, Sebastien" userId="4c329518-9e12-4f6b-8afa-9dbe60ec0c36" providerId="ADAL" clId="{62EF9582-67D8-4837-9BC7-E30B81B5C308}" dt="2023-09-13T16:51:24.178" v="6287" actId="47"/>
        <pc:sldMkLst>
          <pc:docMk/>
          <pc:sldMk cId="1592238420" sldId="920"/>
        </pc:sldMkLst>
      </pc:sldChg>
      <pc:sldChg chg="del">
        <pc:chgData name="Laizet, Sebastien" userId="4c329518-9e12-4f6b-8afa-9dbe60ec0c36" providerId="ADAL" clId="{62EF9582-67D8-4837-9BC7-E30B81B5C308}" dt="2023-09-13T20:18:54.170" v="6841" actId="47"/>
        <pc:sldMkLst>
          <pc:docMk/>
          <pc:sldMk cId="3062004130" sldId="921"/>
        </pc:sldMkLst>
      </pc:sldChg>
      <pc:sldChg chg="addSp delSp modSp del mod ord delAnim modAnim">
        <pc:chgData name="Laizet, Sebastien" userId="4c329518-9e12-4f6b-8afa-9dbe60ec0c36" providerId="ADAL" clId="{62EF9582-67D8-4837-9BC7-E30B81B5C308}" dt="2023-09-14T18:07:38.466" v="7976" actId="47"/>
        <pc:sldMkLst>
          <pc:docMk/>
          <pc:sldMk cId="0" sldId="922"/>
        </pc:sldMkLst>
        <pc:spChg chg="add mod">
          <ac:chgData name="Laizet, Sebastien" userId="4c329518-9e12-4f6b-8afa-9dbe60ec0c36" providerId="ADAL" clId="{62EF9582-67D8-4837-9BC7-E30B81B5C308}" dt="2023-06-16T21:55:19.226" v="2415" actId="1076"/>
          <ac:spMkLst>
            <pc:docMk/>
            <pc:sldMk cId="0" sldId="922"/>
            <ac:spMk id="2" creationId="{B2D00967-7858-23F5-F2D5-68F0CCFBA18D}"/>
          </ac:spMkLst>
        </pc:spChg>
        <pc:spChg chg="mod">
          <ac:chgData name="Laizet, Sebastien" userId="4c329518-9e12-4f6b-8afa-9dbe60ec0c36" providerId="ADAL" clId="{62EF9582-67D8-4837-9BC7-E30B81B5C308}" dt="2023-06-16T21:43:00.003" v="2311" actId="1076"/>
          <ac:spMkLst>
            <pc:docMk/>
            <pc:sldMk cId="0" sldId="922"/>
            <ac:spMk id="4" creationId="{C23C558C-7035-4CBA-822D-25FF0A66F5BF}"/>
          </ac:spMkLst>
        </pc:spChg>
        <pc:spChg chg="mod">
          <ac:chgData name="Laizet, Sebastien" userId="4c329518-9e12-4f6b-8afa-9dbe60ec0c36" providerId="ADAL" clId="{62EF9582-67D8-4837-9BC7-E30B81B5C308}" dt="2023-06-15T21:54:14.885" v="1600" actId="14100"/>
          <ac:spMkLst>
            <pc:docMk/>
            <pc:sldMk cId="0" sldId="922"/>
            <ac:spMk id="6" creationId="{5F4ED376-DB3F-49DA-B971-E7218992CCA1}"/>
          </ac:spMkLst>
        </pc:spChg>
        <pc:spChg chg="add del mod">
          <ac:chgData name="Laizet, Sebastien" userId="4c329518-9e12-4f6b-8afa-9dbe60ec0c36" providerId="ADAL" clId="{62EF9582-67D8-4837-9BC7-E30B81B5C308}" dt="2023-06-16T21:55:14.235" v="2414" actId="478"/>
          <ac:spMkLst>
            <pc:docMk/>
            <pc:sldMk cId="0" sldId="922"/>
            <ac:spMk id="9" creationId="{F703D114-6E3B-FEE1-C316-DF8283CF5B3A}"/>
          </ac:spMkLst>
        </pc:spChg>
        <pc:spChg chg="del mod">
          <ac:chgData name="Laizet, Sebastien" userId="4c329518-9e12-4f6b-8afa-9dbe60ec0c36" providerId="ADAL" clId="{62EF9582-67D8-4837-9BC7-E30B81B5C308}" dt="2023-06-15T21:57:51.902" v="1653" actId="478"/>
          <ac:spMkLst>
            <pc:docMk/>
            <pc:sldMk cId="0" sldId="922"/>
            <ac:spMk id="3075" creationId="{B7C02856-0BCE-4CB8-9179-098F939A7CE5}"/>
          </ac:spMkLst>
        </pc:spChg>
        <pc:spChg chg="mod">
          <ac:chgData name="Laizet, Sebastien" userId="4c329518-9e12-4f6b-8afa-9dbe60ec0c36" providerId="ADAL" clId="{62EF9582-67D8-4837-9BC7-E30B81B5C308}" dt="2023-06-16T21:48:57.993" v="2322" actId="1076"/>
          <ac:spMkLst>
            <pc:docMk/>
            <pc:sldMk cId="0" sldId="922"/>
            <ac:spMk id="3076" creationId="{86415A72-1F0D-42F6-A694-10503C924309}"/>
          </ac:spMkLst>
        </pc:spChg>
        <pc:picChg chg="del">
          <ac:chgData name="Laizet, Sebastien" userId="4c329518-9e12-4f6b-8afa-9dbe60ec0c36" providerId="ADAL" clId="{62EF9582-67D8-4837-9BC7-E30B81B5C308}" dt="2023-06-15T21:53:48.891" v="1595" actId="478"/>
          <ac:picMkLst>
            <pc:docMk/>
            <pc:sldMk cId="0" sldId="922"/>
            <ac:picMk id="3" creationId="{D79A15E9-E911-4491-85B2-C447BBD6EA1E}"/>
          </ac:picMkLst>
        </pc:picChg>
        <pc:picChg chg="del mod">
          <ac:chgData name="Laizet, Sebastien" userId="4c329518-9e12-4f6b-8afa-9dbe60ec0c36" providerId="ADAL" clId="{62EF9582-67D8-4837-9BC7-E30B81B5C308}" dt="2023-06-15T21:53:50.949" v="1597" actId="478"/>
          <ac:picMkLst>
            <pc:docMk/>
            <pc:sldMk cId="0" sldId="922"/>
            <ac:picMk id="7" creationId="{40643044-FDC0-4BE6-9C92-8D6AF2AE7146}"/>
          </ac:picMkLst>
        </pc:picChg>
        <pc:picChg chg="add mod">
          <ac:chgData name="Laizet, Sebastien" userId="4c329518-9e12-4f6b-8afa-9dbe60ec0c36" providerId="ADAL" clId="{62EF9582-67D8-4837-9BC7-E30B81B5C308}" dt="2023-06-15T21:54:23.311" v="1602" actId="1076"/>
          <ac:picMkLst>
            <pc:docMk/>
            <pc:sldMk cId="0" sldId="922"/>
            <ac:picMk id="8" creationId="{8EB5F43B-C301-A856-94A9-4E42794B0CC5}"/>
          </ac:picMkLst>
        </pc:picChg>
      </pc:sldChg>
      <pc:sldChg chg="modSp del mod">
        <pc:chgData name="Laizet, Sebastien" userId="4c329518-9e12-4f6b-8afa-9dbe60ec0c36" providerId="ADAL" clId="{62EF9582-67D8-4837-9BC7-E30B81B5C308}" dt="2023-06-15T22:01:04.023" v="1677" actId="47"/>
        <pc:sldMkLst>
          <pc:docMk/>
          <pc:sldMk cId="0" sldId="923"/>
        </pc:sldMkLst>
        <pc:picChg chg="mod">
          <ac:chgData name="Laizet, Sebastien" userId="4c329518-9e12-4f6b-8afa-9dbe60ec0c36" providerId="ADAL" clId="{62EF9582-67D8-4837-9BC7-E30B81B5C308}" dt="2023-06-15T21:55:16.628" v="1604" actId="14100"/>
          <ac:picMkLst>
            <pc:docMk/>
            <pc:sldMk cId="0" sldId="923"/>
            <ac:picMk id="4" creationId="{66DDF4FA-7BDB-485F-B5CF-347AAB6C645B}"/>
          </ac:picMkLst>
        </pc:picChg>
      </pc:sldChg>
      <pc:sldChg chg="modSp del mod ord">
        <pc:chgData name="Laizet, Sebastien" userId="4c329518-9e12-4f6b-8afa-9dbe60ec0c36" providerId="ADAL" clId="{62EF9582-67D8-4837-9BC7-E30B81B5C308}" dt="2023-09-14T18:09:36.047" v="7982" actId="47"/>
        <pc:sldMkLst>
          <pc:docMk/>
          <pc:sldMk cId="0" sldId="924"/>
        </pc:sldMkLst>
        <pc:spChg chg="mod">
          <ac:chgData name="Laizet, Sebastien" userId="4c329518-9e12-4f6b-8afa-9dbe60ec0c36" providerId="ADAL" clId="{62EF9582-67D8-4837-9BC7-E30B81B5C308}" dt="2023-06-15T22:01:36.654" v="1681" actId="20577"/>
          <ac:spMkLst>
            <pc:docMk/>
            <pc:sldMk cId="0" sldId="924"/>
            <ac:spMk id="5124" creationId="{D15F8AA1-C866-4D9E-B002-DB55C02C2757}"/>
          </ac:spMkLst>
        </pc:spChg>
      </pc:sldChg>
      <pc:sldChg chg="addSp delSp modSp del mod">
        <pc:chgData name="Laizet, Sebastien" userId="4c329518-9e12-4f6b-8afa-9dbe60ec0c36" providerId="ADAL" clId="{62EF9582-67D8-4837-9BC7-E30B81B5C308}" dt="2023-09-08T22:27:25.240" v="3224" actId="47"/>
        <pc:sldMkLst>
          <pc:docMk/>
          <pc:sldMk cId="3207172097" sldId="930"/>
        </pc:sldMkLst>
        <pc:picChg chg="add del mod">
          <ac:chgData name="Laizet, Sebastien" userId="4c329518-9e12-4f6b-8afa-9dbe60ec0c36" providerId="ADAL" clId="{62EF9582-67D8-4837-9BC7-E30B81B5C308}" dt="2023-09-08T22:09:36.620" v="3016" actId="478"/>
          <ac:picMkLst>
            <pc:docMk/>
            <pc:sldMk cId="3207172097" sldId="930"/>
            <ac:picMk id="7" creationId="{E3781D41-DD9B-EDB9-FD2F-EDA1489A2CDC}"/>
          </ac:picMkLst>
        </pc:picChg>
      </pc:sldChg>
      <pc:sldChg chg="addSp delSp modSp mod addAnim delAnim">
        <pc:chgData name="Laizet, Sebastien" userId="4c329518-9e12-4f6b-8afa-9dbe60ec0c36" providerId="ADAL" clId="{62EF9582-67D8-4837-9BC7-E30B81B5C308}" dt="2023-09-16T05:56:50.103" v="12699" actId="20577"/>
        <pc:sldMkLst>
          <pc:docMk/>
          <pc:sldMk cId="3541714625" sldId="932"/>
        </pc:sldMkLst>
        <pc:spChg chg="add del mod">
          <ac:chgData name="Laizet, Sebastien" userId="4c329518-9e12-4f6b-8afa-9dbe60ec0c36" providerId="ADAL" clId="{62EF9582-67D8-4837-9BC7-E30B81B5C308}" dt="2023-09-08T22:23:06.700" v="3102" actId="20577"/>
          <ac:spMkLst>
            <pc:docMk/>
            <pc:sldMk cId="3541714625" sldId="932"/>
            <ac:spMk id="5" creationId="{CD04B059-6A0A-49E8-9E6B-DB414ACF20A9}"/>
          </ac:spMkLst>
        </pc:spChg>
        <pc:spChg chg="mod">
          <ac:chgData name="Laizet, Sebastien" userId="4c329518-9e12-4f6b-8afa-9dbe60ec0c36" providerId="ADAL" clId="{62EF9582-67D8-4837-9BC7-E30B81B5C308}" dt="2023-09-16T05:56:50.103" v="12699" actId="20577"/>
          <ac:spMkLst>
            <pc:docMk/>
            <pc:sldMk cId="3541714625" sldId="932"/>
            <ac:spMk id="11" creationId="{F3A4CEC4-4241-465E-94AD-9BD6D4B78B84}"/>
          </ac:spMkLst>
        </pc:spChg>
        <pc:picChg chg="mod">
          <ac:chgData name="Laizet, Sebastien" userId="4c329518-9e12-4f6b-8afa-9dbe60ec0c36" providerId="ADAL" clId="{62EF9582-67D8-4837-9BC7-E30B81B5C308}" dt="2023-09-08T21:53:30.074" v="2971" actId="1076"/>
          <ac:picMkLst>
            <pc:docMk/>
            <pc:sldMk cId="3541714625" sldId="932"/>
            <ac:picMk id="10" creationId="{EE5E4593-4918-483A-B341-A4FD560EA654}"/>
          </ac:picMkLst>
        </pc:picChg>
      </pc:sldChg>
      <pc:sldChg chg="del">
        <pc:chgData name="Laizet, Sebastien" userId="4c329518-9e12-4f6b-8afa-9dbe60ec0c36" providerId="ADAL" clId="{62EF9582-67D8-4837-9BC7-E30B81B5C308}" dt="2023-09-08T22:21:46.454" v="3036" actId="47"/>
        <pc:sldMkLst>
          <pc:docMk/>
          <pc:sldMk cId="3455232145" sldId="934"/>
        </pc:sldMkLst>
      </pc:sldChg>
      <pc:sldChg chg="del">
        <pc:chgData name="Laizet, Sebastien" userId="4c329518-9e12-4f6b-8afa-9dbe60ec0c36" providerId="ADAL" clId="{62EF9582-67D8-4837-9BC7-E30B81B5C308}" dt="2023-09-08T22:21:46.454" v="3036" actId="47"/>
        <pc:sldMkLst>
          <pc:docMk/>
          <pc:sldMk cId="290591197" sldId="935"/>
        </pc:sldMkLst>
      </pc:sldChg>
      <pc:sldChg chg="del">
        <pc:chgData name="Laizet, Sebastien" userId="4c329518-9e12-4f6b-8afa-9dbe60ec0c36" providerId="ADAL" clId="{62EF9582-67D8-4837-9BC7-E30B81B5C308}" dt="2023-09-08T21:57:43.608" v="2997" actId="47"/>
        <pc:sldMkLst>
          <pc:docMk/>
          <pc:sldMk cId="2218811053" sldId="936"/>
        </pc:sldMkLst>
      </pc:sldChg>
      <pc:sldChg chg="del">
        <pc:chgData name="Laizet, Sebastien" userId="4c329518-9e12-4f6b-8afa-9dbe60ec0c36" providerId="ADAL" clId="{62EF9582-67D8-4837-9BC7-E30B81B5C308}" dt="2023-09-08T21:57:47.045" v="2999" actId="47"/>
        <pc:sldMkLst>
          <pc:docMk/>
          <pc:sldMk cId="4179988116" sldId="937"/>
        </pc:sldMkLst>
      </pc:sldChg>
      <pc:sldChg chg="del">
        <pc:chgData name="Laizet, Sebastien" userId="4c329518-9e12-4f6b-8afa-9dbe60ec0c36" providerId="ADAL" clId="{62EF9582-67D8-4837-9BC7-E30B81B5C308}" dt="2023-09-08T21:57:55.303" v="3002" actId="47"/>
        <pc:sldMkLst>
          <pc:docMk/>
          <pc:sldMk cId="2134246788" sldId="938"/>
        </pc:sldMkLst>
      </pc:sldChg>
      <pc:sldChg chg="addSp delSp modSp mod ord modAnim">
        <pc:chgData name="Laizet, Sebastien" userId="4c329518-9e12-4f6b-8afa-9dbe60ec0c36" providerId="ADAL" clId="{62EF9582-67D8-4837-9BC7-E30B81B5C308}" dt="2023-09-14T22:28:45.837" v="9295" actId="113"/>
        <pc:sldMkLst>
          <pc:docMk/>
          <pc:sldMk cId="2735882396" sldId="939"/>
        </pc:sldMkLst>
        <pc:spChg chg="mod">
          <ac:chgData name="Laizet, Sebastien" userId="4c329518-9e12-4f6b-8afa-9dbe60ec0c36" providerId="ADAL" clId="{62EF9582-67D8-4837-9BC7-E30B81B5C308}" dt="2023-09-14T22:17:01.389" v="9260" actId="1076"/>
          <ac:spMkLst>
            <pc:docMk/>
            <pc:sldMk cId="2735882396" sldId="939"/>
            <ac:spMk id="2" creationId="{3C68AA75-218E-4AC1-8DDA-73BA24269A79}"/>
          </ac:spMkLst>
        </pc:spChg>
        <pc:spChg chg="mod">
          <ac:chgData name="Laizet, Sebastien" userId="4c329518-9e12-4f6b-8afa-9dbe60ec0c36" providerId="ADAL" clId="{62EF9582-67D8-4837-9BC7-E30B81B5C308}" dt="2023-09-14T22:28:45.837" v="9295" actId="113"/>
          <ac:spMkLst>
            <pc:docMk/>
            <pc:sldMk cId="2735882396" sldId="939"/>
            <ac:spMk id="3" creationId="{00000000-0000-0000-0000-000000000000}"/>
          </ac:spMkLst>
        </pc:spChg>
        <pc:spChg chg="mod">
          <ac:chgData name="Laizet, Sebastien" userId="4c329518-9e12-4f6b-8afa-9dbe60ec0c36" providerId="ADAL" clId="{62EF9582-67D8-4837-9BC7-E30B81B5C308}" dt="2023-09-14T22:17:32.639" v="9267" actId="20577"/>
          <ac:spMkLst>
            <pc:docMk/>
            <pc:sldMk cId="2735882396" sldId="939"/>
            <ac:spMk id="4" creationId="{9F067904-7CB8-4905-A4DA-698D5803F698}"/>
          </ac:spMkLst>
        </pc:spChg>
        <pc:spChg chg="mod">
          <ac:chgData name="Laizet, Sebastien" userId="4c329518-9e12-4f6b-8afa-9dbe60ec0c36" providerId="ADAL" clId="{62EF9582-67D8-4837-9BC7-E30B81B5C308}" dt="2023-09-14T07:17:58.659" v="7798" actId="255"/>
          <ac:spMkLst>
            <pc:docMk/>
            <pc:sldMk cId="2735882396" sldId="939"/>
            <ac:spMk id="7" creationId="{3D2F43DA-6253-467A-8627-02F7EC744FA7}"/>
          </ac:spMkLst>
        </pc:spChg>
        <pc:picChg chg="add mod">
          <ac:chgData name="Laizet, Sebastien" userId="4c329518-9e12-4f6b-8afa-9dbe60ec0c36" providerId="ADAL" clId="{62EF9582-67D8-4837-9BC7-E30B81B5C308}" dt="2023-09-13T16:56:55.520" v="6453" actId="1076"/>
          <ac:picMkLst>
            <pc:docMk/>
            <pc:sldMk cId="2735882396" sldId="939"/>
            <ac:picMk id="8" creationId="{1B2379DF-4588-A8B5-0912-B59D09225C94}"/>
          </ac:picMkLst>
        </pc:picChg>
        <pc:picChg chg="mod">
          <ac:chgData name="Laizet, Sebastien" userId="4c329518-9e12-4f6b-8afa-9dbe60ec0c36" providerId="ADAL" clId="{62EF9582-67D8-4837-9BC7-E30B81B5C308}" dt="2023-09-14T22:09:11.008" v="9228" actId="1076"/>
          <ac:picMkLst>
            <pc:docMk/>
            <pc:sldMk cId="2735882396" sldId="939"/>
            <ac:picMk id="9" creationId="{00000000-0000-0000-0000-000000000000}"/>
          </ac:picMkLst>
        </pc:picChg>
        <pc:picChg chg="add mod">
          <ac:chgData name="Laizet, Sebastien" userId="4c329518-9e12-4f6b-8afa-9dbe60ec0c36" providerId="ADAL" clId="{62EF9582-67D8-4837-9BC7-E30B81B5C308}" dt="2023-09-14T22:12:26.733" v="9239" actId="14100"/>
          <ac:picMkLst>
            <pc:docMk/>
            <pc:sldMk cId="2735882396" sldId="939"/>
            <ac:picMk id="10" creationId="{85F9B6DD-E613-88FB-ED28-BCEF6377934E}"/>
          </ac:picMkLst>
        </pc:picChg>
        <pc:picChg chg="add del mod">
          <ac:chgData name="Laizet, Sebastien" userId="4c329518-9e12-4f6b-8afa-9dbe60ec0c36" providerId="ADAL" clId="{62EF9582-67D8-4837-9BC7-E30B81B5C308}" dt="2023-09-13T21:56:26.066" v="7253" actId="478"/>
          <ac:picMkLst>
            <pc:docMk/>
            <pc:sldMk cId="2735882396" sldId="939"/>
            <ac:picMk id="10" creationId="{C7AC7BCE-E67D-8D75-6A77-A6CA3C53E38D}"/>
          </ac:picMkLst>
        </pc:picChg>
        <pc:picChg chg="add del mod">
          <ac:chgData name="Laizet, Sebastien" userId="4c329518-9e12-4f6b-8afa-9dbe60ec0c36" providerId="ADAL" clId="{62EF9582-67D8-4837-9BC7-E30B81B5C308}" dt="2023-09-13T21:57:03.705" v="7256" actId="478"/>
          <ac:picMkLst>
            <pc:docMk/>
            <pc:sldMk cId="2735882396" sldId="939"/>
            <ac:picMk id="12" creationId="{B191D16B-61AE-157D-E054-3199670A451F}"/>
          </ac:picMkLst>
        </pc:picChg>
        <pc:picChg chg="add mod">
          <ac:chgData name="Laizet, Sebastien" userId="4c329518-9e12-4f6b-8afa-9dbe60ec0c36" providerId="ADAL" clId="{62EF9582-67D8-4837-9BC7-E30B81B5C308}" dt="2023-09-14T22:13:14.140" v="9243" actId="1076"/>
          <ac:picMkLst>
            <pc:docMk/>
            <pc:sldMk cId="2735882396" sldId="939"/>
            <ac:picMk id="12" creationId="{FC79B6A1-DECF-E850-9D39-366A2D267306}"/>
          </ac:picMkLst>
        </pc:picChg>
        <pc:picChg chg="add mod">
          <ac:chgData name="Laizet, Sebastien" userId="4c329518-9e12-4f6b-8afa-9dbe60ec0c36" providerId="ADAL" clId="{62EF9582-67D8-4837-9BC7-E30B81B5C308}" dt="2023-09-14T22:14:09.864" v="9248" actId="1076"/>
          <ac:picMkLst>
            <pc:docMk/>
            <pc:sldMk cId="2735882396" sldId="939"/>
            <ac:picMk id="14" creationId="{4A2E3B85-7C57-A511-D208-F2633144E6DD}"/>
          </ac:picMkLst>
        </pc:picChg>
        <pc:picChg chg="add del mod">
          <ac:chgData name="Laizet, Sebastien" userId="4c329518-9e12-4f6b-8afa-9dbe60ec0c36" providerId="ADAL" clId="{62EF9582-67D8-4837-9BC7-E30B81B5C308}" dt="2023-09-13T21:57:26.815" v="7259" actId="478"/>
          <ac:picMkLst>
            <pc:docMk/>
            <pc:sldMk cId="2735882396" sldId="939"/>
            <ac:picMk id="14" creationId="{8E0F6209-0B40-719F-394C-34497DD79E44}"/>
          </ac:picMkLst>
        </pc:picChg>
        <pc:picChg chg="add mod">
          <ac:chgData name="Laizet, Sebastien" userId="4c329518-9e12-4f6b-8afa-9dbe60ec0c36" providerId="ADAL" clId="{62EF9582-67D8-4837-9BC7-E30B81B5C308}" dt="2023-09-13T21:58:19.534" v="7265" actId="1076"/>
          <ac:picMkLst>
            <pc:docMk/>
            <pc:sldMk cId="2735882396" sldId="939"/>
            <ac:picMk id="16" creationId="{C92BB271-CF7D-3C26-D7BF-375E3D8E0B9F}"/>
          </ac:picMkLst>
        </pc:picChg>
      </pc:sldChg>
      <pc:sldChg chg="del">
        <pc:chgData name="Laizet, Sebastien" userId="4c329518-9e12-4f6b-8afa-9dbe60ec0c36" providerId="ADAL" clId="{62EF9582-67D8-4837-9BC7-E30B81B5C308}" dt="2023-09-08T21:57:45.904" v="2998" actId="47"/>
        <pc:sldMkLst>
          <pc:docMk/>
          <pc:sldMk cId="556134521" sldId="940"/>
        </pc:sldMkLst>
      </pc:sldChg>
      <pc:sldChg chg="del">
        <pc:chgData name="Laizet, Sebastien" userId="4c329518-9e12-4f6b-8afa-9dbe60ec0c36" providerId="ADAL" clId="{62EF9582-67D8-4837-9BC7-E30B81B5C308}" dt="2023-09-08T21:57:48.020" v="3000" actId="47"/>
        <pc:sldMkLst>
          <pc:docMk/>
          <pc:sldMk cId="1554107545" sldId="941"/>
        </pc:sldMkLst>
      </pc:sldChg>
      <pc:sldChg chg="del">
        <pc:chgData name="Laizet, Sebastien" userId="4c329518-9e12-4f6b-8afa-9dbe60ec0c36" providerId="ADAL" clId="{62EF9582-67D8-4837-9BC7-E30B81B5C308}" dt="2023-09-08T21:57:56.209" v="3003" actId="47"/>
        <pc:sldMkLst>
          <pc:docMk/>
          <pc:sldMk cId="113383986" sldId="942"/>
        </pc:sldMkLst>
      </pc:sldChg>
      <pc:sldChg chg="del">
        <pc:chgData name="Laizet, Sebastien" userId="4c329518-9e12-4f6b-8afa-9dbe60ec0c36" providerId="ADAL" clId="{62EF9582-67D8-4837-9BC7-E30B81B5C308}" dt="2023-09-08T21:57:49.255" v="3001" actId="47"/>
        <pc:sldMkLst>
          <pc:docMk/>
          <pc:sldMk cId="3820426074" sldId="943"/>
        </pc:sldMkLst>
      </pc:sldChg>
      <pc:sldChg chg="addSp delSp modSp del mod">
        <pc:chgData name="Laizet, Sebastien" userId="4c329518-9e12-4f6b-8afa-9dbe60ec0c36" providerId="ADAL" clId="{62EF9582-67D8-4837-9BC7-E30B81B5C308}" dt="2023-09-13T19:20:33.682" v="6627" actId="47"/>
        <pc:sldMkLst>
          <pc:docMk/>
          <pc:sldMk cId="171278968" sldId="944"/>
        </pc:sldMkLst>
        <pc:picChg chg="add del mod">
          <ac:chgData name="Laizet, Sebastien" userId="4c329518-9e12-4f6b-8afa-9dbe60ec0c36" providerId="ADAL" clId="{62EF9582-67D8-4837-9BC7-E30B81B5C308}" dt="2023-09-13T19:19:40.369" v="6624" actId="478"/>
          <ac:picMkLst>
            <pc:docMk/>
            <pc:sldMk cId="171278968" sldId="944"/>
            <ac:picMk id="3" creationId="{D977E369-CF73-9431-7254-6AF78337AC17}"/>
          </ac:picMkLst>
        </pc:picChg>
        <pc:picChg chg="add del mod">
          <ac:chgData name="Laizet, Sebastien" userId="4c329518-9e12-4f6b-8afa-9dbe60ec0c36" providerId="ADAL" clId="{62EF9582-67D8-4837-9BC7-E30B81B5C308}" dt="2023-09-13T19:20:06.407" v="6626" actId="478"/>
          <ac:picMkLst>
            <pc:docMk/>
            <pc:sldMk cId="171278968" sldId="944"/>
            <ac:picMk id="8" creationId="{6B5133A8-5EA1-723A-4FA2-9C503DC6196C}"/>
          </ac:picMkLst>
        </pc:picChg>
        <pc:picChg chg="add del mod">
          <ac:chgData name="Laizet, Sebastien" userId="4c329518-9e12-4f6b-8afa-9dbe60ec0c36" providerId="ADAL" clId="{62EF9582-67D8-4837-9BC7-E30B81B5C308}" dt="2023-09-13T19:13:08.180" v="6618" actId="478"/>
          <ac:picMkLst>
            <pc:docMk/>
            <pc:sldMk cId="171278968" sldId="944"/>
            <ac:picMk id="11" creationId="{8043C429-2CA2-22FA-02C2-ACE103F7FC52}"/>
          </ac:picMkLst>
        </pc:picChg>
        <pc:picChg chg="add del mod">
          <ac:chgData name="Laizet, Sebastien" userId="4c329518-9e12-4f6b-8afa-9dbe60ec0c36" providerId="ADAL" clId="{62EF9582-67D8-4837-9BC7-E30B81B5C308}" dt="2023-09-13T19:11:41.667" v="6611" actId="478"/>
          <ac:picMkLst>
            <pc:docMk/>
            <pc:sldMk cId="171278968" sldId="944"/>
            <ac:picMk id="14" creationId="{04DAEA81-0C13-08C3-22D5-026C12005DBF}"/>
          </ac:picMkLst>
        </pc:picChg>
        <pc:picChg chg="add del mod">
          <ac:chgData name="Laizet, Sebastien" userId="4c329518-9e12-4f6b-8afa-9dbe60ec0c36" providerId="ADAL" clId="{62EF9582-67D8-4837-9BC7-E30B81B5C308}" dt="2023-09-13T19:10:57.707" v="6604" actId="478"/>
          <ac:picMkLst>
            <pc:docMk/>
            <pc:sldMk cId="171278968" sldId="944"/>
            <ac:picMk id="18" creationId="{7F7E552C-0D4A-AD3E-8555-EBCFE6FF22AC}"/>
          </ac:picMkLst>
        </pc:picChg>
        <pc:picChg chg="add del mod">
          <ac:chgData name="Laizet, Sebastien" userId="4c329518-9e12-4f6b-8afa-9dbe60ec0c36" providerId="ADAL" clId="{62EF9582-67D8-4837-9BC7-E30B81B5C308}" dt="2023-09-13T19:11:20.161" v="6607" actId="478"/>
          <ac:picMkLst>
            <pc:docMk/>
            <pc:sldMk cId="171278968" sldId="944"/>
            <ac:picMk id="22" creationId="{A16BEBF1-64B7-F772-C51C-54FB26C5904A}"/>
          </ac:picMkLst>
        </pc:picChg>
        <pc:picChg chg="add del mod">
          <ac:chgData name="Laizet, Sebastien" userId="4c329518-9e12-4f6b-8afa-9dbe60ec0c36" providerId="ADAL" clId="{62EF9582-67D8-4837-9BC7-E30B81B5C308}" dt="2023-09-13T19:09:38.222" v="6598" actId="478"/>
          <ac:picMkLst>
            <pc:docMk/>
            <pc:sldMk cId="171278968" sldId="944"/>
            <ac:picMk id="24" creationId="{51FC7CC1-A267-C16F-75B3-190779080709}"/>
          </ac:picMkLst>
        </pc:picChg>
        <pc:picChg chg="add del mod">
          <ac:chgData name="Laizet, Sebastien" userId="4c329518-9e12-4f6b-8afa-9dbe60ec0c36" providerId="ADAL" clId="{62EF9582-67D8-4837-9BC7-E30B81B5C308}" dt="2023-09-13T19:09:21.859" v="6596" actId="478"/>
          <ac:picMkLst>
            <pc:docMk/>
            <pc:sldMk cId="171278968" sldId="944"/>
            <ac:picMk id="26" creationId="{259D1B62-57E4-4F66-1E33-2AB5CA0ADB34}"/>
          </ac:picMkLst>
        </pc:picChg>
        <pc:picChg chg="add del mod">
          <ac:chgData name="Laizet, Sebastien" userId="4c329518-9e12-4f6b-8afa-9dbe60ec0c36" providerId="ADAL" clId="{62EF9582-67D8-4837-9BC7-E30B81B5C308}" dt="2023-09-13T19:09:53.685" v="6601" actId="478"/>
          <ac:picMkLst>
            <pc:docMk/>
            <pc:sldMk cId="171278968" sldId="944"/>
            <ac:picMk id="28" creationId="{D62C3E22-049F-E258-A1AF-8CC01D426F04}"/>
          </ac:picMkLst>
        </pc:picChg>
        <pc:picChg chg="add del mod">
          <ac:chgData name="Laizet, Sebastien" userId="4c329518-9e12-4f6b-8afa-9dbe60ec0c36" providerId="ADAL" clId="{62EF9582-67D8-4837-9BC7-E30B81B5C308}" dt="2023-09-13T19:09:06.594" v="6594" actId="478"/>
          <ac:picMkLst>
            <pc:docMk/>
            <pc:sldMk cId="171278968" sldId="944"/>
            <ac:picMk id="30" creationId="{18D41F19-F0AE-33DC-2882-D93FF97F3D23}"/>
          </ac:picMkLst>
        </pc:picChg>
      </pc:sldChg>
      <pc:sldChg chg="del">
        <pc:chgData name="Laizet, Sebastien" userId="4c329518-9e12-4f6b-8afa-9dbe60ec0c36" providerId="ADAL" clId="{62EF9582-67D8-4837-9BC7-E30B81B5C308}" dt="2023-09-13T19:21:14.361" v="6630" actId="47"/>
        <pc:sldMkLst>
          <pc:docMk/>
          <pc:sldMk cId="3727674153" sldId="947"/>
        </pc:sldMkLst>
      </pc:sldChg>
      <pc:sldChg chg="del">
        <pc:chgData name="Laizet, Sebastien" userId="4c329518-9e12-4f6b-8afa-9dbe60ec0c36" providerId="ADAL" clId="{62EF9582-67D8-4837-9BC7-E30B81B5C308}" dt="2023-09-13T19:20:55.992" v="6628" actId="47"/>
        <pc:sldMkLst>
          <pc:docMk/>
          <pc:sldMk cId="3117517222" sldId="948"/>
        </pc:sldMkLst>
      </pc:sldChg>
      <pc:sldChg chg="del">
        <pc:chgData name="Laizet, Sebastien" userId="4c329518-9e12-4f6b-8afa-9dbe60ec0c36" providerId="ADAL" clId="{62EF9582-67D8-4837-9BC7-E30B81B5C308}" dt="2023-09-13T19:21:02.252" v="6629" actId="47"/>
        <pc:sldMkLst>
          <pc:docMk/>
          <pc:sldMk cId="4062888556" sldId="949"/>
        </pc:sldMkLst>
      </pc:sldChg>
      <pc:sldChg chg="del">
        <pc:chgData name="Laizet, Sebastien" userId="4c329518-9e12-4f6b-8afa-9dbe60ec0c36" providerId="ADAL" clId="{62EF9582-67D8-4837-9BC7-E30B81B5C308}" dt="2023-09-13T21:09:53.131" v="7029" actId="47"/>
        <pc:sldMkLst>
          <pc:docMk/>
          <pc:sldMk cId="361900229" sldId="953"/>
        </pc:sldMkLst>
      </pc:sldChg>
      <pc:sldChg chg="addSp delSp modSp mod ord addAnim delAnim modAnim">
        <pc:chgData name="Laizet, Sebastien" userId="4c329518-9e12-4f6b-8afa-9dbe60ec0c36" providerId="ADAL" clId="{62EF9582-67D8-4837-9BC7-E30B81B5C308}" dt="2023-09-16T06:00:16.845" v="12762" actId="1076"/>
        <pc:sldMkLst>
          <pc:docMk/>
          <pc:sldMk cId="3731113454" sldId="954"/>
        </pc:sldMkLst>
        <pc:spChg chg="add del mod">
          <ac:chgData name="Laizet, Sebastien" userId="4c329518-9e12-4f6b-8afa-9dbe60ec0c36" providerId="ADAL" clId="{62EF9582-67D8-4837-9BC7-E30B81B5C308}" dt="2023-09-14T18:10:19.032" v="7987" actId="478"/>
          <ac:spMkLst>
            <pc:docMk/>
            <pc:sldMk cId="3731113454" sldId="954"/>
            <ac:spMk id="2" creationId="{84947103-A3E8-2596-8DB8-5FAE2DD64C86}"/>
          </ac:spMkLst>
        </pc:spChg>
        <pc:spChg chg="add mod">
          <ac:chgData name="Laizet, Sebastien" userId="4c329518-9e12-4f6b-8afa-9dbe60ec0c36" providerId="ADAL" clId="{62EF9582-67D8-4837-9BC7-E30B81B5C308}" dt="2023-09-16T06:00:16.845" v="12762" actId="1076"/>
          <ac:spMkLst>
            <pc:docMk/>
            <pc:sldMk cId="3731113454" sldId="954"/>
            <ac:spMk id="3" creationId="{7FBDD6DB-1DB8-523B-0159-395AA9C747AE}"/>
          </ac:spMkLst>
        </pc:spChg>
        <pc:spChg chg="add mod">
          <ac:chgData name="Laizet, Sebastien" userId="4c329518-9e12-4f6b-8afa-9dbe60ec0c36" providerId="ADAL" clId="{62EF9582-67D8-4837-9BC7-E30B81B5C308}" dt="2023-09-15T20:55:23.528" v="11084" actId="1076"/>
          <ac:spMkLst>
            <pc:docMk/>
            <pc:sldMk cId="3731113454" sldId="954"/>
            <ac:spMk id="6" creationId="{6913EBE0-F534-EFA3-5748-EF7A8C39A029}"/>
          </ac:spMkLst>
        </pc:spChg>
        <pc:spChg chg="add mod">
          <ac:chgData name="Laizet, Sebastien" userId="4c329518-9e12-4f6b-8afa-9dbe60ec0c36" providerId="ADAL" clId="{62EF9582-67D8-4837-9BC7-E30B81B5C308}" dt="2023-09-15T20:52:39.056" v="11076" actId="20577"/>
          <ac:spMkLst>
            <pc:docMk/>
            <pc:sldMk cId="3731113454" sldId="954"/>
            <ac:spMk id="8" creationId="{172B4367-062B-83CC-50B4-5134C5AB2872}"/>
          </ac:spMkLst>
        </pc:spChg>
        <pc:spChg chg="del mod">
          <ac:chgData name="Laizet, Sebastien" userId="4c329518-9e12-4f6b-8afa-9dbe60ec0c36" providerId="ADAL" clId="{62EF9582-67D8-4837-9BC7-E30B81B5C308}" dt="2023-06-16T21:53:51.683" v="2385" actId="478"/>
          <ac:spMkLst>
            <pc:docMk/>
            <pc:sldMk cId="3731113454" sldId="954"/>
            <ac:spMk id="8" creationId="{D2E9BCC5-3B48-425B-8D2C-C429867A7F97}"/>
          </ac:spMkLst>
        </pc:spChg>
        <pc:spChg chg="add mod">
          <ac:chgData name="Laizet, Sebastien" userId="4c329518-9e12-4f6b-8afa-9dbe60ec0c36" providerId="ADAL" clId="{62EF9582-67D8-4837-9BC7-E30B81B5C308}" dt="2023-09-16T06:00:05.843" v="12758" actId="20577"/>
          <ac:spMkLst>
            <pc:docMk/>
            <pc:sldMk cId="3731113454" sldId="954"/>
            <ac:spMk id="10" creationId="{68D3F774-DFAF-0CBD-1292-9ACC1BEB86CB}"/>
          </ac:spMkLst>
        </pc:spChg>
        <pc:spChg chg="add mod">
          <ac:chgData name="Laizet, Sebastien" userId="4c329518-9e12-4f6b-8afa-9dbe60ec0c36" providerId="ADAL" clId="{62EF9582-67D8-4837-9BC7-E30B81B5C308}" dt="2023-09-15T20:58:00.275" v="11096" actId="1076"/>
          <ac:spMkLst>
            <pc:docMk/>
            <pc:sldMk cId="3731113454" sldId="954"/>
            <ac:spMk id="12" creationId="{FA92B7AC-E2F0-BA36-96B1-5916A31F8D0B}"/>
          </ac:spMkLst>
        </pc:spChg>
        <pc:spChg chg="add mod">
          <ac:chgData name="Laizet, Sebastien" userId="4c329518-9e12-4f6b-8afa-9dbe60ec0c36" providerId="ADAL" clId="{62EF9582-67D8-4837-9BC7-E30B81B5C308}" dt="2023-09-16T06:00:11.209" v="12761" actId="14100"/>
          <ac:spMkLst>
            <pc:docMk/>
            <pc:sldMk cId="3731113454" sldId="954"/>
            <ac:spMk id="13" creationId="{908A1F82-AAC6-2B5F-658B-7A136D8EAB91}"/>
          </ac:spMkLst>
        </pc:spChg>
        <pc:spChg chg="add mod">
          <ac:chgData name="Laizet, Sebastien" userId="4c329518-9e12-4f6b-8afa-9dbe60ec0c36" providerId="ADAL" clId="{62EF9582-67D8-4837-9BC7-E30B81B5C308}" dt="2023-09-15T20:47:10.746" v="11063" actId="571"/>
          <ac:spMkLst>
            <pc:docMk/>
            <pc:sldMk cId="3731113454" sldId="954"/>
            <ac:spMk id="14" creationId="{4D840106-6437-F5ED-DD72-CC693D2E9825}"/>
          </ac:spMkLst>
        </pc:spChg>
        <pc:spChg chg="add mod">
          <ac:chgData name="Laizet, Sebastien" userId="4c329518-9e12-4f6b-8afa-9dbe60ec0c36" providerId="ADAL" clId="{62EF9582-67D8-4837-9BC7-E30B81B5C308}" dt="2023-09-15T20:47:10.746" v="11063" actId="571"/>
          <ac:spMkLst>
            <pc:docMk/>
            <pc:sldMk cId="3731113454" sldId="954"/>
            <ac:spMk id="15" creationId="{73F644C4-F73D-E64F-8214-7B9763B86DC5}"/>
          </ac:spMkLst>
        </pc:spChg>
        <pc:spChg chg="add mod">
          <ac:chgData name="Laizet, Sebastien" userId="4c329518-9e12-4f6b-8afa-9dbe60ec0c36" providerId="ADAL" clId="{62EF9582-67D8-4837-9BC7-E30B81B5C308}" dt="2023-09-15T20:47:10.746" v="11063" actId="571"/>
          <ac:spMkLst>
            <pc:docMk/>
            <pc:sldMk cId="3731113454" sldId="954"/>
            <ac:spMk id="16" creationId="{CDFE509F-6317-6AD9-FAF7-E381F644EDB9}"/>
          </ac:spMkLst>
        </pc:spChg>
        <pc:spChg chg="add mod">
          <ac:chgData name="Laizet, Sebastien" userId="4c329518-9e12-4f6b-8afa-9dbe60ec0c36" providerId="ADAL" clId="{62EF9582-67D8-4837-9BC7-E30B81B5C308}" dt="2023-09-15T21:00:01.796" v="11220" actId="14100"/>
          <ac:spMkLst>
            <pc:docMk/>
            <pc:sldMk cId="3731113454" sldId="954"/>
            <ac:spMk id="19" creationId="{11195EC4-FC87-1632-9E6B-4BFE9201BFE1}"/>
          </ac:spMkLst>
        </pc:spChg>
        <pc:spChg chg="del mod">
          <ac:chgData name="Laizet, Sebastien" userId="4c329518-9e12-4f6b-8afa-9dbe60ec0c36" providerId="ADAL" clId="{62EF9582-67D8-4837-9BC7-E30B81B5C308}" dt="2023-06-16T21:55:28.503" v="2416" actId="478"/>
          <ac:spMkLst>
            <pc:docMk/>
            <pc:sldMk cId="3731113454" sldId="954"/>
            <ac:spMk id="4099" creationId="{195CB6D6-1007-49CE-98F9-09424EC12519}"/>
          </ac:spMkLst>
        </pc:spChg>
        <pc:picChg chg="add del mod">
          <ac:chgData name="Laizet, Sebastien" userId="4c329518-9e12-4f6b-8afa-9dbe60ec0c36" providerId="ADAL" clId="{62EF9582-67D8-4837-9BC7-E30B81B5C308}" dt="2023-06-15T13:46:35.140" v="1074" actId="22"/>
          <ac:picMkLst>
            <pc:docMk/>
            <pc:sldMk cId="3731113454" sldId="954"/>
            <ac:picMk id="3" creationId="{DFBAE1B5-6BBE-6B64-2F6C-DEC1EA88F82C}"/>
          </ac:picMkLst>
        </pc:picChg>
        <pc:picChg chg="add del mod">
          <ac:chgData name="Laizet, Sebastien" userId="4c329518-9e12-4f6b-8afa-9dbe60ec0c36" providerId="ADAL" clId="{62EF9582-67D8-4837-9BC7-E30B81B5C308}" dt="2023-09-15T21:01:19.585" v="11227" actId="478"/>
          <ac:picMkLst>
            <pc:docMk/>
            <pc:sldMk cId="3731113454" sldId="954"/>
            <ac:picMk id="4" creationId="{56D5CD98-822E-6AF2-120F-5CAC8BB9F9AA}"/>
          </ac:picMkLst>
        </pc:picChg>
        <pc:picChg chg="add del mod">
          <ac:chgData name="Laizet, Sebastien" userId="4c329518-9e12-4f6b-8afa-9dbe60ec0c36" providerId="ADAL" clId="{62EF9582-67D8-4837-9BC7-E30B81B5C308}" dt="2023-09-15T21:01:10.611" v="11224" actId="478"/>
          <ac:picMkLst>
            <pc:docMk/>
            <pc:sldMk cId="3731113454" sldId="954"/>
            <ac:picMk id="5" creationId="{758727B5-B3A3-013A-CECF-144CA2792DB3}"/>
          </ac:picMkLst>
        </pc:picChg>
        <pc:picChg chg="add del mod">
          <ac:chgData name="Laizet, Sebastien" userId="4c329518-9e12-4f6b-8afa-9dbe60ec0c36" providerId="ADAL" clId="{62EF9582-67D8-4837-9BC7-E30B81B5C308}" dt="2023-09-14T18:10:16.036" v="7986" actId="478"/>
          <ac:picMkLst>
            <pc:docMk/>
            <pc:sldMk cId="3731113454" sldId="954"/>
            <ac:picMk id="9" creationId="{8D4A574E-F746-49A4-3419-4AE0644D629B}"/>
          </ac:picMkLst>
        </pc:picChg>
        <pc:picChg chg="del">
          <ac:chgData name="Laizet, Sebastien" userId="4c329518-9e12-4f6b-8afa-9dbe60ec0c36" providerId="ADAL" clId="{62EF9582-67D8-4837-9BC7-E30B81B5C308}" dt="2023-06-15T22:01:56.925" v="1684" actId="478"/>
          <ac:picMkLst>
            <pc:docMk/>
            <pc:sldMk cId="3731113454" sldId="954"/>
            <ac:picMk id="10" creationId="{2D2019EF-DE6B-4431-8D3C-AA4F24C2E851}"/>
          </ac:picMkLst>
        </pc:picChg>
        <pc:picChg chg="add del mod">
          <ac:chgData name="Laizet, Sebastien" userId="4c329518-9e12-4f6b-8afa-9dbe60ec0c36" providerId="ADAL" clId="{62EF9582-67D8-4837-9BC7-E30B81B5C308}" dt="2023-09-15T20:59:56.640" v="11219" actId="1076"/>
          <ac:picMkLst>
            <pc:docMk/>
            <pc:sldMk cId="3731113454" sldId="954"/>
            <ac:picMk id="11" creationId="{8BF54F32-2400-4DCF-BE4D-F090E77F6158}"/>
          </ac:picMkLst>
        </pc:picChg>
        <pc:picChg chg="del mod">
          <ac:chgData name="Laizet, Sebastien" userId="4c329518-9e12-4f6b-8afa-9dbe60ec0c36" providerId="ADAL" clId="{62EF9582-67D8-4837-9BC7-E30B81B5C308}" dt="2023-06-15T22:01:59.712" v="1685" actId="478"/>
          <ac:picMkLst>
            <pc:docMk/>
            <pc:sldMk cId="3731113454" sldId="954"/>
            <ac:picMk id="12" creationId="{413E3D64-457D-4E38-9B0B-410A4D53F171}"/>
          </ac:picMkLst>
        </pc:picChg>
        <pc:picChg chg="del mod">
          <ac:chgData name="Laizet, Sebastien" userId="4c329518-9e12-4f6b-8afa-9dbe60ec0c36" providerId="ADAL" clId="{62EF9582-67D8-4837-9BC7-E30B81B5C308}" dt="2023-06-15T22:02:02.554" v="1686" actId="478"/>
          <ac:picMkLst>
            <pc:docMk/>
            <pc:sldMk cId="3731113454" sldId="954"/>
            <ac:picMk id="14" creationId="{2832EC9A-4389-4442-AA75-CF4678CB0480}"/>
          </ac:picMkLst>
        </pc:picChg>
        <pc:picChg chg="add mod">
          <ac:chgData name="Laizet, Sebastien" userId="4c329518-9e12-4f6b-8afa-9dbe60ec0c36" providerId="ADAL" clId="{62EF9582-67D8-4837-9BC7-E30B81B5C308}" dt="2023-09-15T21:01:14.740" v="11225" actId="1076"/>
          <ac:picMkLst>
            <pc:docMk/>
            <pc:sldMk cId="3731113454" sldId="954"/>
            <ac:picMk id="17" creationId="{D7584A48-379C-7C8A-9A5E-B568629EDF58}"/>
          </ac:picMkLst>
        </pc:picChg>
        <pc:picChg chg="add mod">
          <ac:chgData name="Laizet, Sebastien" userId="4c329518-9e12-4f6b-8afa-9dbe60ec0c36" providerId="ADAL" clId="{62EF9582-67D8-4837-9BC7-E30B81B5C308}" dt="2023-09-15T21:01:22.952" v="11228" actId="1076"/>
          <ac:picMkLst>
            <pc:docMk/>
            <pc:sldMk cId="3731113454" sldId="954"/>
            <ac:picMk id="18" creationId="{DB6CFC47-6D25-6C08-CC56-D5EAE3851124}"/>
          </ac:picMkLst>
        </pc:picChg>
        <pc:picChg chg="del">
          <ac:chgData name="Laizet, Sebastien" userId="4c329518-9e12-4f6b-8afa-9dbe60ec0c36" providerId="ADAL" clId="{62EF9582-67D8-4837-9BC7-E30B81B5C308}" dt="2023-06-15T22:02:05.237" v="1687" actId="478"/>
          <ac:picMkLst>
            <pc:docMk/>
            <pc:sldMk cId="3731113454" sldId="954"/>
            <ac:picMk id="20" creationId="{1F5C648D-C4A2-44DD-B4B8-578FEAE13A1C}"/>
          </ac:picMkLst>
        </pc:picChg>
      </pc:sldChg>
      <pc:sldChg chg="addSp delSp modSp mod modAnim">
        <pc:chgData name="Laizet, Sebastien" userId="4c329518-9e12-4f6b-8afa-9dbe60ec0c36" providerId="ADAL" clId="{62EF9582-67D8-4837-9BC7-E30B81B5C308}" dt="2023-09-14T22:27:45.750" v="9294" actId="478"/>
        <pc:sldMkLst>
          <pc:docMk/>
          <pc:sldMk cId="2750022501" sldId="955"/>
        </pc:sldMkLst>
        <pc:spChg chg="del">
          <ac:chgData name="Laizet, Sebastien" userId="4c329518-9e12-4f6b-8afa-9dbe60ec0c36" providerId="ADAL" clId="{62EF9582-67D8-4837-9BC7-E30B81B5C308}" dt="2023-09-14T22:27:17.424" v="9290" actId="478"/>
          <ac:spMkLst>
            <pc:docMk/>
            <pc:sldMk cId="2750022501" sldId="955"/>
            <ac:spMk id="3" creationId="{24AD8DE8-F018-4988-98BC-7C1F46D22C75}"/>
          </ac:spMkLst>
        </pc:spChg>
        <pc:spChg chg="del">
          <ac:chgData name="Laizet, Sebastien" userId="4c329518-9e12-4f6b-8afa-9dbe60ec0c36" providerId="ADAL" clId="{62EF9582-67D8-4837-9BC7-E30B81B5C308}" dt="2023-09-08T23:05:25.278" v="4546" actId="478"/>
          <ac:spMkLst>
            <pc:docMk/>
            <pc:sldMk cId="2750022501" sldId="955"/>
            <ac:spMk id="12" creationId="{D2A35D76-FCB1-4C17-B443-45D3A9C1BC17}"/>
          </ac:spMkLst>
        </pc:spChg>
        <pc:spChg chg="mod">
          <ac:chgData name="Laizet, Sebastien" userId="4c329518-9e12-4f6b-8afa-9dbe60ec0c36" providerId="ADAL" clId="{62EF9582-67D8-4837-9BC7-E30B81B5C308}" dt="2023-09-14T22:07:18.882" v="9214" actId="20577"/>
          <ac:spMkLst>
            <pc:docMk/>
            <pc:sldMk cId="2750022501" sldId="955"/>
            <ac:spMk id="13" creationId="{6A0C082B-6B6C-421E-9C8E-F542FF056BF5}"/>
          </ac:spMkLst>
        </pc:spChg>
        <pc:spChg chg="mod">
          <ac:chgData name="Laizet, Sebastien" userId="4c329518-9e12-4f6b-8afa-9dbe60ec0c36" providerId="ADAL" clId="{62EF9582-67D8-4837-9BC7-E30B81B5C308}" dt="2023-09-14T22:27:20.493" v="9291" actId="1076"/>
          <ac:spMkLst>
            <pc:docMk/>
            <pc:sldMk cId="2750022501" sldId="955"/>
            <ac:spMk id="14" creationId="{204C9EE6-C1FF-47D7-A0F0-66B43658C5F1}"/>
          </ac:spMkLst>
        </pc:spChg>
        <pc:spChg chg="del mod">
          <ac:chgData name="Laizet, Sebastien" userId="4c329518-9e12-4f6b-8afa-9dbe60ec0c36" providerId="ADAL" clId="{62EF9582-67D8-4837-9BC7-E30B81B5C308}" dt="2023-09-14T22:27:45.750" v="9294" actId="478"/>
          <ac:spMkLst>
            <pc:docMk/>
            <pc:sldMk cId="2750022501" sldId="955"/>
            <ac:spMk id="15" creationId="{0D53DF92-2462-489D-91EA-DD4911108A64}"/>
          </ac:spMkLst>
        </pc:spChg>
        <pc:spChg chg="del">
          <ac:chgData name="Laizet, Sebastien" userId="4c329518-9e12-4f6b-8afa-9dbe60ec0c36" providerId="ADAL" clId="{62EF9582-67D8-4837-9BC7-E30B81B5C308}" dt="2023-09-08T23:05:29.063" v="4547" actId="478"/>
          <ac:spMkLst>
            <pc:docMk/>
            <pc:sldMk cId="2750022501" sldId="955"/>
            <ac:spMk id="16" creationId="{A49443A9-5F4B-4544-83ED-149E49860B46}"/>
          </ac:spMkLst>
        </pc:spChg>
        <pc:spChg chg="del">
          <ac:chgData name="Laizet, Sebastien" userId="4c329518-9e12-4f6b-8afa-9dbe60ec0c36" providerId="ADAL" clId="{62EF9582-67D8-4837-9BC7-E30B81B5C308}" dt="2023-09-08T23:05:31.833" v="4548" actId="478"/>
          <ac:spMkLst>
            <pc:docMk/>
            <pc:sldMk cId="2750022501" sldId="955"/>
            <ac:spMk id="17" creationId="{C73B4329-1F62-41D8-ACA4-5D2D9DA1C71E}"/>
          </ac:spMkLst>
        </pc:spChg>
        <pc:spChg chg="del">
          <ac:chgData name="Laizet, Sebastien" userId="4c329518-9e12-4f6b-8afa-9dbe60ec0c36" providerId="ADAL" clId="{62EF9582-67D8-4837-9BC7-E30B81B5C308}" dt="2023-09-08T23:05:34.799" v="4549" actId="478"/>
          <ac:spMkLst>
            <pc:docMk/>
            <pc:sldMk cId="2750022501" sldId="955"/>
            <ac:spMk id="18" creationId="{A79C5583-0F58-4357-8B70-00D5FBE805A7}"/>
          </ac:spMkLst>
        </pc:spChg>
        <pc:picChg chg="add mod">
          <ac:chgData name="Laizet, Sebastien" userId="4c329518-9e12-4f6b-8afa-9dbe60ec0c36" providerId="ADAL" clId="{62EF9582-67D8-4837-9BC7-E30B81B5C308}" dt="2023-09-13T22:12:27.035" v="7422" actId="14100"/>
          <ac:picMkLst>
            <pc:docMk/>
            <pc:sldMk cId="2750022501" sldId="955"/>
            <ac:picMk id="2" creationId="{52E149D8-F01F-46EC-8F63-2EFE61B7E448}"/>
          </ac:picMkLst>
        </pc:picChg>
      </pc:sldChg>
      <pc:sldChg chg="del">
        <pc:chgData name="Laizet, Sebastien" userId="4c329518-9e12-4f6b-8afa-9dbe60ec0c36" providerId="ADAL" clId="{62EF9582-67D8-4837-9BC7-E30B81B5C308}" dt="2023-09-08T23:06:08.227" v="4553" actId="47"/>
        <pc:sldMkLst>
          <pc:docMk/>
          <pc:sldMk cId="1194000020" sldId="956"/>
        </pc:sldMkLst>
      </pc:sldChg>
      <pc:sldChg chg="del">
        <pc:chgData name="Laizet, Sebastien" userId="4c329518-9e12-4f6b-8afa-9dbe60ec0c36" providerId="ADAL" clId="{62EF9582-67D8-4837-9BC7-E30B81B5C308}" dt="2023-09-08T23:06:13.575" v="4554" actId="47"/>
        <pc:sldMkLst>
          <pc:docMk/>
          <pc:sldMk cId="1415645499" sldId="957"/>
        </pc:sldMkLst>
      </pc:sldChg>
      <pc:sldChg chg="addSp delSp modSp mod delAnim modAnim">
        <pc:chgData name="Laizet, Sebastien" userId="4c329518-9e12-4f6b-8afa-9dbe60ec0c36" providerId="ADAL" clId="{62EF9582-67D8-4837-9BC7-E30B81B5C308}" dt="2023-09-16T08:30:05.999" v="12986" actId="21"/>
        <pc:sldMkLst>
          <pc:docMk/>
          <pc:sldMk cId="1388325259" sldId="958"/>
        </pc:sldMkLst>
        <pc:spChg chg="add del mod">
          <ac:chgData name="Laizet, Sebastien" userId="4c329518-9e12-4f6b-8afa-9dbe60ec0c36" providerId="ADAL" clId="{62EF9582-67D8-4837-9BC7-E30B81B5C308}" dt="2023-09-16T08:30:05.999" v="12986" actId="21"/>
          <ac:spMkLst>
            <pc:docMk/>
            <pc:sldMk cId="1388325259" sldId="958"/>
            <ac:spMk id="3" creationId="{2C407FE7-628D-C072-5BF8-3F3F9FE16D26}"/>
          </ac:spMkLst>
        </pc:spChg>
        <pc:spChg chg="mod">
          <ac:chgData name="Laizet, Sebastien" userId="4c329518-9e12-4f6b-8afa-9dbe60ec0c36" providerId="ADAL" clId="{62EF9582-67D8-4837-9BC7-E30B81B5C308}" dt="2023-09-14T22:07:42.272" v="9224" actId="14100"/>
          <ac:spMkLst>
            <pc:docMk/>
            <pc:sldMk cId="1388325259" sldId="958"/>
            <ac:spMk id="5" creationId="{DBADDABD-7655-4BAA-849F-9728626D0513}"/>
          </ac:spMkLst>
        </pc:spChg>
        <pc:picChg chg="add del mod">
          <ac:chgData name="Laizet, Sebastien" userId="4c329518-9e12-4f6b-8afa-9dbe60ec0c36" providerId="ADAL" clId="{62EF9582-67D8-4837-9BC7-E30B81B5C308}" dt="2023-09-16T08:30:05.999" v="12986" actId="21"/>
          <ac:picMkLst>
            <pc:docMk/>
            <pc:sldMk cId="1388325259" sldId="958"/>
            <ac:picMk id="2" creationId="{9DF3D076-1462-517C-B675-CEE7DA8459B0}"/>
          </ac:picMkLst>
        </pc:picChg>
      </pc:sldChg>
      <pc:sldChg chg="modSp mod">
        <pc:chgData name="Laizet, Sebastien" userId="4c329518-9e12-4f6b-8afa-9dbe60ec0c36" providerId="ADAL" clId="{62EF9582-67D8-4837-9BC7-E30B81B5C308}" dt="2023-06-16T21:55:08.259" v="2412" actId="20577"/>
        <pc:sldMkLst>
          <pc:docMk/>
          <pc:sldMk cId="774743202" sldId="959"/>
        </pc:sldMkLst>
        <pc:spChg chg="mod">
          <ac:chgData name="Laizet, Sebastien" userId="4c329518-9e12-4f6b-8afa-9dbe60ec0c36" providerId="ADAL" clId="{62EF9582-67D8-4837-9BC7-E30B81B5C308}" dt="2023-06-16T21:55:08.259" v="2412" actId="20577"/>
          <ac:spMkLst>
            <pc:docMk/>
            <pc:sldMk cId="774743202" sldId="959"/>
            <ac:spMk id="6" creationId="{9254C688-FB5D-441B-8E7E-346439608193}"/>
          </ac:spMkLst>
        </pc:spChg>
      </pc:sldChg>
      <pc:sldChg chg="modSp mod">
        <pc:chgData name="Laizet, Sebastien" userId="4c329518-9e12-4f6b-8afa-9dbe60ec0c36" providerId="ADAL" clId="{62EF9582-67D8-4837-9BC7-E30B81B5C308}" dt="2023-09-13T22:00:14.110" v="7267" actId="20577"/>
        <pc:sldMkLst>
          <pc:docMk/>
          <pc:sldMk cId="840100565" sldId="960"/>
        </pc:sldMkLst>
        <pc:spChg chg="mod">
          <ac:chgData name="Laizet, Sebastien" userId="4c329518-9e12-4f6b-8afa-9dbe60ec0c36" providerId="ADAL" clId="{62EF9582-67D8-4837-9BC7-E30B81B5C308}" dt="2023-09-13T22:00:14.110" v="7267" actId="20577"/>
          <ac:spMkLst>
            <pc:docMk/>
            <pc:sldMk cId="840100565" sldId="960"/>
            <ac:spMk id="6" creationId="{9254C688-FB5D-441B-8E7E-346439608193}"/>
          </ac:spMkLst>
        </pc:spChg>
      </pc:sldChg>
      <pc:sldChg chg="addSp delSp modSp mod">
        <pc:chgData name="Laizet, Sebastien" userId="4c329518-9e12-4f6b-8afa-9dbe60ec0c36" providerId="ADAL" clId="{62EF9582-67D8-4837-9BC7-E30B81B5C308}" dt="2023-09-14T19:52:33.530" v="8798" actId="14100"/>
        <pc:sldMkLst>
          <pc:docMk/>
          <pc:sldMk cId="3277309726" sldId="961"/>
        </pc:sldMkLst>
        <pc:picChg chg="add mod">
          <ac:chgData name="Laizet, Sebastien" userId="4c329518-9e12-4f6b-8afa-9dbe60ec0c36" providerId="ADAL" clId="{62EF9582-67D8-4837-9BC7-E30B81B5C308}" dt="2023-09-14T19:52:33.530" v="8798" actId="14100"/>
          <ac:picMkLst>
            <pc:docMk/>
            <pc:sldMk cId="3277309726" sldId="961"/>
            <ac:picMk id="2" creationId="{E74B386B-EA75-4077-D763-915D64952EF6}"/>
          </ac:picMkLst>
        </pc:picChg>
        <pc:picChg chg="del">
          <ac:chgData name="Laizet, Sebastien" userId="4c329518-9e12-4f6b-8afa-9dbe60ec0c36" providerId="ADAL" clId="{62EF9582-67D8-4837-9BC7-E30B81B5C308}" dt="2023-09-14T19:52:24.075" v="8794" actId="478"/>
          <ac:picMkLst>
            <pc:docMk/>
            <pc:sldMk cId="3277309726" sldId="961"/>
            <ac:picMk id="4" creationId="{EB954448-3608-4611-976D-14A421C72EB5}"/>
          </ac:picMkLst>
        </pc:picChg>
      </pc:sldChg>
      <pc:sldChg chg="addSp delSp modSp mod">
        <pc:chgData name="Laizet, Sebastien" userId="4c329518-9e12-4f6b-8afa-9dbe60ec0c36" providerId="ADAL" clId="{62EF9582-67D8-4837-9BC7-E30B81B5C308}" dt="2023-09-14T21:45:50.436" v="8959" actId="1076"/>
        <pc:sldMkLst>
          <pc:docMk/>
          <pc:sldMk cId="2776342607" sldId="967"/>
        </pc:sldMkLst>
        <pc:spChg chg="mod">
          <ac:chgData name="Laizet, Sebastien" userId="4c329518-9e12-4f6b-8afa-9dbe60ec0c36" providerId="ADAL" clId="{62EF9582-67D8-4837-9BC7-E30B81B5C308}" dt="2023-09-14T21:45:08.800" v="8937" actId="1076"/>
          <ac:spMkLst>
            <pc:docMk/>
            <pc:sldMk cId="2776342607" sldId="967"/>
            <ac:spMk id="15" creationId="{1D6321BD-FCFC-441C-9B99-B530EB068B96}"/>
          </ac:spMkLst>
        </pc:spChg>
        <pc:spChg chg="mod">
          <ac:chgData name="Laizet, Sebastien" userId="4c329518-9e12-4f6b-8afa-9dbe60ec0c36" providerId="ADAL" clId="{62EF9582-67D8-4837-9BC7-E30B81B5C308}" dt="2023-09-14T21:43:34.689" v="8917" actId="20577"/>
          <ac:spMkLst>
            <pc:docMk/>
            <pc:sldMk cId="2776342607" sldId="967"/>
            <ac:spMk id="16" creationId="{763B918B-B43F-435E-99FD-DAAAFE9DC19B}"/>
          </ac:spMkLst>
        </pc:spChg>
        <pc:spChg chg="mod">
          <ac:chgData name="Laizet, Sebastien" userId="4c329518-9e12-4f6b-8afa-9dbe60ec0c36" providerId="ADAL" clId="{62EF9582-67D8-4837-9BC7-E30B81B5C308}" dt="2023-09-14T21:45:50.436" v="8959" actId="1076"/>
          <ac:spMkLst>
            <pc:docMk/>
            <pc:sldMk cId="2776342607" sldId="967"/>
            <ac:spMk id="17" creationId="{7964A338-6CCD-4F62-AFD8-833D459274E6}"/>
          </ac:spMkLst>
        </pc:spChg>
        <pc:picChg chg="add mod">
          <ac:chgData name="Laizet, Sebastien" userId="4c329518-9e12-4f6b-8afa-9dbe60ec0c36" providerId="ADAL" clId="{62EF9582-67D8-4837-9BC7-E30B81B5C308}" dt="2023-09-14T21:44:06.532" v="8918" actId="1076"/>
          <ac:picMkLst>
            <pc:docMk/>
            <pc:sldMk cId="2776342607" sldId="967"/>
            <ac:picMk id="2" creationId="{C49B1E3B-54EA-F0A0-42B7-92F3F49C5769}"/>
          </ac:picMkLst>
        </pc:picChg>
        <pc:picChg chg="del">
          <ac:chgData name="Laizet, Sebastien" userId="4c329518-9e12-4f6b-8afa-9dbe60ec0c36" providerId="ADAL" clId="{62EF9582-67D8-4837-9BC7-E30B81B5C308}" dt="2023-09-14T21:42:09.908" v="8881" actId="478"/>
          <ac:picMkLst>
            <pc:docMk/>
            <pc:sldMk cId="2776342607" sldId="967"/>
            <ac:picMk id="19" creationId="{4B5376D6-9941-4C28-AD6C-94145C5FD414}"/>
          </ac:picMkLst>
        </pc:picChg>
      </pc:sldChg>
      <pc:sldChg chg="addSp delSp modSp mod">
        <pc:chgData name="Laizet, Sebastien" userId="4c329518-9e12-4f6b-8afa-9dbe60ec0c36" providerId="ADAL" clId="{62EF9582-67D8-4837-9BC7-E30B81B5C308}" dt="2023-09-16T06:38:32.809" v="12905" actId="1076"/>
        <pc:sldMkLst>
          <pc:docMk/>
          <pc:sldMk cId="242976194" sldId="968"/>
        </pc:sldMkLst>
        <pc:picChg chg="add del mod">
          <ac:chgData name="Laizet, Sebastien" userId="4c329518-9e12-4f6b-8afa-9dbe60ec0c36" providerId="ADAL" clId="{62EF9582-67D8-4837-9BC7-E30B81B5C308}" dt="2023-09-13T20:41:12.033" v="6889" actId="478"/>
          <ac:picMkLst>
            <pc:docMk/>
            <pc:sldMk cId="242976194" sldId="968"/>
            <ac:picMk id="5" creationId="{24124D30-F131-E3AB-9F57-E33E89F9D515}"/>
          </ac:picMkLst>
        </pc:picChg>
        <pc:picChg chg="add del mod">
          <ac:chgData name="Laizet, Sebastien" userId="4c329518-9e12-4f6b-8afa-9dbe60ec0c36" providerId="ADAL" clId="{62EF9582-67D8-4837-9BC7-E30B81B5C308}" dt="2023-09-14T18:03:13.651" v="7970" actId="478"/>
          <ac:picMkLst>
            <pc:docMk/>
            <pc:sldMk cId="242976194" sldId="968"/>
            <ac:picMk id="5" creationId="{A4F26937-01F1-80AB-E4E6-9C66ED60B245}"/>
          </ac:picMkLst>
        </pc:picChg>
        <pc:picChg chg="add mod">
          <ac:chgData name="Laizet, Sebastien" userId="4c329518-9e12-4f6b-8afa-9dbe60ec0c36" providerId="ADAL" clId="{62EF9582-67D8-4837-9BC7-E30B81B5C308}" dt="2023-09-16T06:38:32.809" v="12905" actId="1076"/>
          <ac:picMkLst>
            <pc:docMk/>
            <pc:sldMk cId="242976194" sldId="968"/>
            <ac:picMk id="5" creationId="{CC3349A9-345F-41C6-8BFB-713EB8F2C7AB}"/>
          </ac:picMkLst>
        </pc:picChg>
        <pc:picChg chg="del">
          <ac:chgData name="Laizet, Sebastien" userId="4c329518-9e12-4f6b-8afa-9dbe60ec0c36" providerId="ADAL" clId="{62EF9582-67D8-4837-9BC7-E30B81B5C308}" dt="2023-06-15T13:07:58.810" v="615" actId="478"/>
          <ac:picMkLst>
            <pc:docMk/>
            <pc:sldMk cId="242976194" sldId="968"/>
            <ac:picMk id="6" creationId="{34A7B512-AC4B-4235-845B-AFF9FBA8EB7A}"/>
          </ac:picMkLst>
        </pc:picChg>
        <pc:picChg chg="add del mod">
          <ac:chgData name="Laizet, Sebastien" userId="4c329518-9e12-4f6b-8afa-9dbe60ec0c36" providerId="ADAL" clId="{62EF9582-67D8-4837-9BC7-E30B81B5C308}" dt="2023-09-16T06:38:21.591" v="12901" actId="478"/>
          <ac:picMkLst>
            <pc:docMk/>
            <pc:sldMk cId="242976194" sldId="968"/>
            <ac:picMk id="6" creationId="{FCC54099-1B98-1963-3CE9-C5255A0CEA51}"/>
          </ac:picMkLst>
        </pc:picChg>
        <pc:picChg chg="del mod">
          <ac:chgData name="Laizet, Sebastien" userId="4c329518-9e12-4f6b-8afa-9dbe60ec0c36" providerId="ADAL" clId="{62EF9582-67D8-4837-9BC7-E30B81B5C308}" dt="2023-06-15T13:07:50.171" v="611" actId="478"/>
          <ac:picMkLst>
            <pc:docMk/>
            <pc:sldMk cId="242976194" sldId="968"/>
            <ac:picMk id="7" creationId="{2B19B657-DA81-4C1F-8560-4CBF2F811F95}"/>
          </ac:picMkLst>
        </pc:picChg>
        <pc:picChg chg="add del mod">
          <ac:chgData name="Laizet, Sebastien" userId="4c329518-9e12-4f6b-8afa-9dbe60ec0c36" providerId="ADAL" clId="{62EF9582-67D8-4837-9BC7-E30B81B5C308}" dt="2023-09-16T06:38:14.105" v="12897" actId="478"/>
          <ac:picMkLst>
            <pc:docMk/>
            <pc:sldMk cId="242976194" sldId="968"/>
            <ac:picMk id="8" creationId="{BFB8AB69-9461-76D1-9BA5-53F27B556CE6}"/>
          </ac:picMkLst>
        </pc:picChg>
        <pc:picChg chg="del">
          <ac:chgData name="Laizet, Sebastien" userId="4c329518-9e12-4f6b-8afa-9dbe60ec0c36" providerId="ADAL" clId="{62EF9582-67D8-4837-9BC7-E30B81B5C308}" dt="2023-06-15T13:07:55.977" v="614" actId="478"/>
          <ac:picMkLst>
            <pc:docMk/>
            <pc:sldMk cId="242976194" sldId="968"/>
            <ac:picMk id="10" creationId="{2DA443C7-7DCD-4714-BED5-C18B5387DA6B}"/>
          </ac:picMkLst>
        </pc:picChg>
        <pc:picChg chg="del mod">
          <ac:chgData name="Laizet, Sebastien" userId="4c329518-9e12-4f6b-8afa-9dbe60ec0c36" providerId="ADAL" clId="{62EF9582-67D8-4837-9BC7-E30B81B5C308}" dt="2023-06-15T13:07:53.206" v="613" actId="478"/>
          <ac:picMkLst>
            <pc:docMk/>
            <pc:sldMk cId="242976194" sldId="968"/>
            <ac:picMk id="13" creationId="{D8A442EE-8F80-414C-BB0B-9B8AEE871FC8}"/>
          </ac:picMkLst>
        </pc:picChg>
        <pc:picChg chg="add del mod">
          <ac:chgData name="Laizet, Sebastien" userId="4c329518-9e12-4f6b-8afa-9dbe60ec0c36" providerId="ADAL" clId="{62EF9582-67D8-4837-9BC7-E30B81B5C308}" dt="2023-09-14T18:02:52.520" v="7967" actId="478"/>
          <ac:picMkLst>
            <pc:docMk/>
            <pc:sldMk cId="242976194" sldId="968"/>
            <ac:picMk id="1026" creationId="{FC159EC8-53A2-7445-40BF-00AA831CFC1E}"/>
          </ac:picMkLst>
        </pc:picChg>
      </pc:sldChg>
      <pc:sldChg chg="addSp delSp modSp mod delAnim modAnim">
        <pc:chgData name="Laizet, Sebastien" userId="4c329518-9e12-4f6b-8afa-9dbe60ec0c36" providerId="ADAL" clId="{62EF9582-67D8-4837-9BC7-E30B81B5C308}" dt="2023-09-14T20:38:55.175" v="8853"/>
        <pc:sldMkLst>
          <pc:docMk/>
          <pc:sldMk cId="40326188" sldId="969"/>
        </pc:sldMkLst>
        <pc:spChg chg="add mod">
          <ac:chgData name="Laizet, Sebastien" userId="4c329518-9e12-4f6b-8afa-9dbe60ec0c36" providerId="ADAL" clId="{62EF9582-67D8-4837-9BC7-E30B81B5C308}" dt="2023-09-13T20:30:19.663" v="6884" actId="20577"/>
          <ac:spMkLst>
            <pc:docMk/>
            <pc:sldMk cId="40326188" sldId="969"/>
            <ac:spMk id="6" creationId="{570A3D31-7AD7-643F-C22F-8F4469BDAE23}"/>
          </ac:spMkLst>
        </pc:spChg>
        <pc:spChg chg="add del mod">
          <ac:chgData name="Laizet, Sebastien" userId="4c329518-9e12-4f6b-8afa-9dbe60ec0c36" providerId="ADAL" clId="{62EF9582-67D8-4837-9BC7-E30B81B5C308}" dt="2023-09-13T20:26:46.699" v="6849" actId="478"/>
          <ac:spMkLst>
            <pc:docMk/>
            <pc:sldMk cId="40326188" sldId="969"/>
            <ac:spMk id="8" creationId="{DE789352-DAD6-6676-7004-87AB3F39F3E2}"/>
          </ac:spMkLst>
        </pc:spChg>
        <pc:spChg chg="add mod">
          <ac:chgData name="Laizet, Sebastien" userId="4c329518-9e12-4f6b-8afa-9dbe60ec0c36" providerId="ADAL" clId="{62EF9582-67D8-4837-9BC7-E30B81B5C308}" dt="2023-09-13T20:30:31.979" v="6886" actId="14100"/>
          <ac:spMkLst>
            <pc:docMk/>
            <pc:sldMk cId="40326188" sldId="969"/>
            <ac:spMk id="9" creationId="{F8AA75BD-3E0D-89C6-62B2-E58FA4B9BA49}"/>
          </ac:spMkLst>
        </pc:spChg>
        <pc:spChg chg="add mod">
          <ac:chgData name="Laizet, Sebastien" userId="4c329518-9e12-4f6b-8afa-9dbe60ec0c36" providerId="ADAL" clId="{62EF9582-67D8-4837-9BC7-E30B81B5C308}" dt="2023-09-10T10:45:32.791" v="4667" actId="20577"/>
          <ac:spMkLst>
            <pc:docMk/>
            <pc:sldMk cId="40326188" sldId="969"/>
            <ac:spMk id="10" creationId="{650210C4-0C39-9478-EDE0-50A4BB1FB4AD}"/>
          </ac:spMkLst>
        </pc:spChg>
        <pc:spChg chg="add mod">
          <ac:chgData name="Laizet, Sebastien" userId="4c329518-9e12-4f6b-8afa-9dbe60ec0c36" providerId="ADAL" clId="{62EF9582-67D8-4837-9BC7-E30B81B5C308}" dt="2023-09-13T20:27:59.108" v="6859" actId="1076"/>
          <ac:spMkLst>
            <pc:docMk/>
            <pc:sldMk cId="40326188" sldId="969"/>
            <ac:spMk id="13" creationId="{B277DEB0-DE7D-9A6E-2373-9C672469B40D}"/>
          </ac:spMkLst>
        </pc:spChg>
        <pc:spChg chg="add mod">
          <ac:chgData name="Laizet, Sebastien" userId="4c329518-9e12-4f6b-8afa-9dbe60ec0c36" providerId="ADAL" clId="{62EF9582-67D8-4837-9BC7-E30B81B5C308}" dt="2023-09-13T20:28:38.650" v="6862" actId="1076"/>
          <ac:spMkLst>
            <pc:docMk/>
            <pc:sldMk cId="40326188" sldId="969"/>
            <ac:spMk id="14" creationId="{6C5EC7B3-01C3-7E3A-5099-306EF83DFE47}"/>
          </ac:spMkLst>
        </pc:spChg>
        <pc:spChg chg="add mod">
          <ac:chgData name="Laizet, Sebastien" userId="4c329518-9e12-4f6b-8afa-9dbe60ec0c36" providerId="ADAL" clId="{62EF9582-67D8-4837-9BC7-E30B81B5C308}" dt="2023-09-13T20:28:55.822" v="6864" actId="1076"/>
          <ac:spMkLst>
            <pc:docMk/>
            <pc:sldMk cId="40326188" sldId="969"/>
            <ac:spMk id="15" creationId="{D3BFDED3-0343-C026-9A1A-83C7E1DE6102}"/>
          </ac:spMkLst>
        </pc:spChg>
        <pc:spChg chg="add mod">
          <ac:chgData name="Laizet, Sebastien" userId="4c329518-9e12-4f6b-8afa-9dbe60ec0c36" providerId="ADAL" clId="{62EF9582-67D8-4837-9BC7-E30B81B5C308}" dt="2023-09-13T20:29:07.030" v="6866" actId="1076"/>
          <ac:spMkLst>
            <pc:docMk/>
            <pc:sldMk cId="40326188" sldId="969"/>
            <ac:spMk id="16" creationId="{626BFBBE-2E33-3170-3459-B8D2D60DDF2E}"/>
          </ac:spMkLst>
        </pc:spChg>
        <pc:picChg chg="del mod">
          <ac:chgData name="Laizet, Sebastien" userId="4c329518-9e12-4f6b-8afa-9dbe60ec0c36" providerId="ADAL" clId="{62EF9582-67D8-4837-9BC7-E30B81B5C308}" dt="2023-06-15T13:10:43.266" v="620" actId="478"/>
          <ac:picMkLst>
            <pc:docMk/>
            <pc:sldMk cId="40326188" sldId="969"/>
            <ac:picMk id="4" creationId="{8336F1BD-5B67-4C16-8E3E-697949DDB5F2}"/>
          </ac:picMkLst>
        </pc:picChg>
        <pc:picChg chg="add del mod">
          <ac:chgData name="Laizet, Sebastien" userId="4c329518-9e12-4f6b-8afa-9dbe60ec0c36" providerId="ADAL" clId="{62EF9582-67D8-4837-9BC7-E30B81B5C308}" dt="2023-09-13T20:25:03.686" v="6845" actId="478"/>
          <ac:picMkLst>
            <pc:docMk/>
            <pc:sldMk cId="40326188" sldId="969"/>
            <ac:picMk id="4" creationId="{C2C62B4A-D594-F4A2-4FDE-D97BCE650A33}"/>
          </ac:picMkLst>
        </pc:picChg>
        <pc:picChg chg="add del mod">
          <ac:chgData name="Laizet, Sebastien" userId="4c329518-9e12-4f6b-8afa-9dbe60ec0c36" providerId="ADAL" clId="{62EF9582-67D8-4837-9BC7-E30B81B5C308}" dt="2023-09-13T20:25:01.803" v="6844" actId="478"/>
          <ac:picMkLst>
            <pc:docMk/>
            <pc:sldMk cId="40326188" sldId="969"/>
            <ac:picMk id="5" creationId="{FE0CD5A5-5DB0-853E-2F4E-6D1BB396A9A0}"/>
          </ac:picMkLst>
        </pc:picChg>
        <pc:picChg chg="del mod">
          <ac:chgData name="Laizet, Sebastien" userId="4c329518-9e12-4f6b-8afa-9dbe60ec0c36" providerId="ADAL" clId="{62EF9582-67D8-4837-9BC7-E30B81B5C308}" dt="2023-06-15T13:14:41.921" v="801" actId="478"/>
          <ac:picMkLst>
            <pc:docMk/>
            <pc:sldMk cId="40326188" sldId="969"/>
            <ac:picMk id="7" creationId="{37B9AB17-B93F-4B68-BBB9-C6A76BCB5DFB}"/>
          </ac:picMkLst>
        </pc:picChg>
        <pc:picChg chg="add mod">
          <ac:chgData name="Laizet, Sebastien" userId="4c329518-9e12-4f6b-8afa-9dbe60ec0c36" providerId="ADAL" clId="{62EF9582-67D8-4837-9BC7-E30B81B5C308}" dt="2023-09-13T20:25:12.357" v="6848" actId="1076"/>
          <ac:picMkLst>
            <pc:docMk/>
            <pc:sldMk cId="40326188" sldId="969"/>
            <ac:picMk id="7" creationId="{74BF4E58-AA62-8EE4-DFA9-CCD2C1F3D2E2}"/>
          </ac:picMkLst>
        </pc:picChg>
        <pc:picChg chg="add del mod">
          <ac:chgData name="Laizet, Sebastien" userId="4c329518-9e12-4f6b-8afa-9dbe60ec0c36" providerId="ADAL" clId="{62EF9582-67D8-4837-9BC7-E30B81B5C308}" dt="2023-09-13T20:25:05.099" v="6846" actId="478"/>
          <ac:picMkLst>
            <pc:docMk/>
            <pc:sldMk cId="40326188" sldId="969"/>
            <ac:picMk id="12" creationId="{E3298EF7-296C-40E1-9808-69FB20148AB3}"/>
          </ac:picMkLst>
        </pc:picChg>
        <pc:picChg chg="add del mod">
          <ac:chgData name="Laizet, Sebastien" userId="4c329518-9e12-4f6b-8afa-9dbe60ec0c36" providerId="ADAL" clId="{62EF9582-67D8-4837-9BC7-E30B81B5C308}" dt="2023-09-13T20:29:42.432" v="6869" actId="478"/>
          <ac:picMkLst>
            <pc:docMk/>
            <pc:sldMk cId="40326188" sldId="969"/>
            <ac:picMk id="18" creationId="{7D4CD6C2-B658-F952-FF29-77105323D27F}"/>
          </ac:picMkLst>
        </pc:picChg>
        <pc:picChg chg="add mod">
          <ac:chgData name="Laizet, Sebastien" userId="4c329518-9e12-4f6b-8afa-9dbe60ec0c36" providerId="ADAL" clId="{62EF9582-67D8-4837-9BC7-E30B81B5C308}" dt="2023-09-13T20:30:48.158" v="6887" actId="1076"/>
          <ac:picMkLst>
            <pc:docMk/>
            <pc:sldMk cId="40326188" sldId="969"/>
            <ac:picMk id="20" creationId="{668608AB-5B37-F2C1-1093-403A90129872}"/>
          </ac:picMkLst>
        </pc:picChg>
      </pc:sldChg>
      <pc:sldChg chg="modSp mod">
        <pc:chgData name="Laizet, Sebastien" userId="4c329518-9e12-4f6b-8afa-9dbe60ec0c36" providerId="ADAL" clId="{62EF9582-67D8-4837-9BC7-E30B81B5C308}" dt="2023-09-13T22:00:39.186" v="7269" actId="20577"/>
        <pc:sldMkLst>
          <pc:docMk/>
          <pc:sldMk cId="3286482705" sldId="970"/>
        </pc:sldMkLst>
        <pc:spChg chg="mod">
          <ac:chgData name="Laizet, Sebastien" userId="4c329518-9e12-4f6b-8afa-9dbe60ec0c36" providerId="ADAL" clId="{62EF9582-67D8-4837-9BC7-E30B81B5C308}" dt="2023-09-13T22:00:39.186" v="7269" actId="20577"/>
          <ac:spMkLst>
            <pc:docMk/>
            <pc:sldMk cId="3286482705" sldId="970"/>
            <ac:spMk id="6" creationId="{9254C688-FB5D-441B-8E7E-346439608193}"/>
          </ac:spMkLst>
        </pc:spChg>
      </pc:sldChg>
      <pc:sldChg chg="del">
        <pc:chgData name="Laizet, Sebastien" userId="4c329518-9e12-4f6b-8afa-9dbe60ec0c36" providerId="ADAL" clId="{62EF9582-67D8-4837-9BC7-E30B81B5C308}" dt="2023-09-08T22:23:19.607" v="3103" actId="47"/>
        <pc:sldMkLst>
          <pc:docMk/>
          <pc:sldMk cId="542436467" sldId="971"/>
        </pc:sldMkLst>
      </pc:sldChg>
      <pc:sldChg chg="modSp mod">
        <pc:chgData name="Laizet, Sebastien" userId="4c329518-9e12-4f6b-8afa-9dbe60ec0c36" providerId="ADAL" clId="{62EF9582-67D8-4837-9BC7-E30B81B5C308}" dt="2023-09-13T22:00:52.440" v="7271" actId="20577"/>
        <pc:sldMkLst>
          <pc:docMk/>
          <pc:sldMk cId="427059456" sldId="972"/>
        </pc:sldMkLst>
        <pc:spChg chg="mod">
          <ac:chgData name="Laizet, Sebastien" userId="4c329518-9e12-4f6b-8afa-9dbe60ec0c36" providerId="ADAL" clId="{62EF9582-67D8-4837-9BC7-E30B81B5C308}" dt="2023-09-13T22:00:52.440" v="7271" actId="20577"/>
          <ac:spMkLst>
            <pc:docMk/>
            <pc:sldMk cId="427059456" sldId="972"/>
            <ac:spMk id="6" creationId="{9254C688-FB5D-441B-8E7E-346439608193}"/>
          </ac:spMkLst>
        </pc:spChg>
      </pc:sldChg>
      <pc:sldChg chg="modSp mod">
        <pc:chgData name="Laizet, Sebastien" userId="4c329518-9e12-4f6b-8afa-9dbe60ec0c36" providerId="ADAL" clId="{62EF9582-67D8-4837-9BC7-E30B81B5C308}" dt="2023-09-13T22:00:58.871" v="7273" actId="20577"/>
        <pc:sldMkLst>
          <pc:docMk/>
          <pc:sldMk cId="686490758" sldId="973"/>
        </pc:sldMkLst>
        <pc:spChg chg="mod">
          <ac:chgData name="Laizet, Sebastien" userId="4c329518-9e12-4f6b-8afa-9dbe60ec0c36" providerId="ADAL" clId="{62EF9582-67D8-4837-9BC7-E30B81B5C308}" dt="2023-09-13T22:00:58.871" v="7273" actId="20577"/>
          <ac:spMkLst>
            <pc:docMk/>
            <pc:sldMk cId="686490758" sldId="973"/>
            <ac:spMk id="6" creationId="{9254C688-FB5D-441B-8E7E-346439608193}"/>
          </ac:spMkLst>
        </pc:spChg>
      </pc:sldChg>
      <pc:sldChg chg="addSp delSp modSp mod delAnim modAnim">
        <pc:chgData name="Laizet, Sebastien" userId="4c329518-9e12-4f6b-8afa-9dbe60ec0c36" providerId="ADAL" clId="{62EF9582-67D8-4837-9BC7-E30B81B5C308}" dt="2023-09-14T22:59:51.839" v="9484" actId="1076"/>
        <pc:sldMkLst>
          <pc:docMk/>
          <pc:sldMk cId="2012505498" sldId="974"/>
        </pc:sldMkLst>
        <pc:spChg chg="add del mod">
          <ac:chgData name="Laizet, Sebastien" userId="4c329518-9e12-4f6b-8afa-9dbe60ec0c36" providerId="ADAL" clId="{62EF9582-67D8-4837-9BC7-E30B81B5C308}" dt="2023-09-14T22:55:12.980" v="9439" actId="478"/>
          <ac:spMkLst>
            <pc:docMk/>
            <pc:sldMk cId="2012505498" sldId="974"/>
            <ac:spMk id="2" creationId="{5D757F8F-CE3A-851F-E3B8-63AD11D7B34F}"/>
          </ac:spMkLst>
        </pc:spChg>
        <pc:spChg chg="del mod">
          <ac:chgData name="Laizet, Sebastien" userId="4c329518-9e12-4f6b-8afa-9dbe60ec0c36" providerId="ADAL" clId="{62EF9582-67D8-4837-9BC7-E30B81B5C308}" dt="2023-09-14T22:59:45.879" v="9483" actId="478"/>
          <ac:spMkLst>
            <pc:docMk/>
            <pc:sldMk cId="2012505498" sldId="974"/>
            <ac:spMk id="6" creationId="{F7F7DBBF-2C71-4508-83D8-B2BC595D0474}"/>
          </ac:spMkLst>
        </pc:spChg>
        <pc:spChg chg="del mod">
          <ac:chgData name="Laizet, Sebastien" userId="4c329518-9e12-4f6b-8afa-9dbe60ec0c36" providerId="ADAL" clId="{62EF9582-67D8-4837-9BC7-E30B81B5C308}" dt="2023-09-12T21:51:45.612" v="5348" actId="478"/>
          <ac:spMkLst>
            <pc:docMk/>
            <pc:sldMk cId="2012505498" sldId="974"/>
            <ac:spMk id="11" creationId="{74361E85-660F-48BB-AA4D-B1E290341AEE}"/>
          </ac:spMkLst>
        </pc:spChg>
        <pc:spChg chg="mod">
          <ac:chgData name="Laizet, Sebastien" userId="4c329518-9e12-4f6b-8afa-9dbe60ec0c36" providerId="ADAL" clId="{62EF9582-67D8-4837-9BC7-E30B81B5C308}" dt="2023-09-14T07:21:33.162" v="7860" actId="14100"/>
          <ac:spMkLst>
            <pc:docMk/>
            <pc:sldMk cId="2012505498" sldId="974"/>
            <ac:spMk id="12" creationId="{2D48CE7F-A4E7-46B7-A699-B27216AA962E}"/>
          </ac:spMkLst>
        </pc:spChg>
        <pc:spChg chg="del mod">
          <ac:chgData name="Laizet, Sebastien" userId="4c329518-9e12-4f6b-8afa-9dbe60ec0c36" providerId="ADAL" clId="{62EF9582-67D8-4837-9BC7-E30B81B5C308}" dt="2023-09-12T21:39:06.345" v="5347" actId="478"/>
          <ac:spMkLst>
            <pc:docMk/>
            <pc:sldMk cId="2012505498" sldId="974"/>
            <ac:spMk id="16" creationId="{544F1E51-9141-4D29-8E61-160372FED449}"/>
          </ac:spMkLst>
        </pc:spChg>
        <pc:spChg chg="add mod">
          <ac:chgData name="Laizet, Sebastien" userId="4c329518-9e12-4f6b-8afa-9dbe60ec0c36" providerId="ADAL" clId="{62EF9582-67D8-4837-9BC7-E30B81B5C308}" dt="2023-09-14T22:57:17.650" v="9461" actId="1076"/>
          <ac:spMkLst>
            <pc:docMk/>
            <pc:sldMk cId="2012505498" sldId="974"/>
            <ac:spMk id="20" creationId="{D450581B-FDD2-83EC-D5F8-EB045EB19BA9}"/>
          </ac:spMkLst>
        </pc:spChg>
        <pc:spChg chg="add mod">
          <ac:chgData name="Laizet, Sebastien" userId="4c329518-9e12-4f6b-8afa-9dbe60ec0c36" providerId="ADAL" clId="{62EF9582-67D8-4837-9BC7-E30B81B5C308}" dt="2023-09-14T22:57:17.650" v="9461" actId="1076"/>
          <ac:spMkLst>
            <pc:docMk/>
            <pc:sldMk cId="2012505498" sldId="974"/>
            <ac:spMk id="21" creationId="{CD2FD3A6-8B67-D9BB-E442-88CC31A6B854}"/>
          </ac:spMkLst>
        </pc:spChg>
        <pc:spChg chg="add mod">
          <ac:chgData name="Laizet, Sebastien" userId="4c329518-9e12-4f6b-8afa-9dbe60ec0c36" providerId="ADAL" clId="{62EF9582-67D8-4837-9BC7-E30B81B5C308}" dt="2023-09-14T22:59:51.839" v="9484" actId="1076"/>
          <ac:spMkLst>
            <pc:docMk/>
            <pc:sldMk cId="2012505498" sldId="974"/>
            <ac:spMk id="24" creationId="{A3F89756-FB46-A32D-6987-6B20E27CBEC8}"/>
          </ac:spMkLst>
        </pc:spChg>
        <pc:spChg chg="add mod">
          <ac:chgData name="Laizet, Sebastien" userId="4c329518-9e12-4f6b-8afa-9dbe60ec0c36" providerId="ADAL" clId="{62EF9582-67D8-4837-9BC7-E30B81B5C308}" dt="2023-09-14T22:58:58.149" v="9475" actId="14100"/>
          <ac:spMkLst>
            <pc:docMk/>
            <pc:sldMk cId="2012505498" sldId="974"/>
            <ac:spMk id="26" creationId="{FA54E03D-4BAF-0091-91AF-A95BC046AED2}"/>
          </ac:spMkLst>
        </pc:spChg>
        <pc:picChg chg="add del mod">
          <ac:chgData name="Laizet, Sebastien" userId="4c329518-9e12-4f6b-8afa-9dbe60ec0c36" providerId="ADAL" clId="{62EF9582-67D8-4837-9BC7-E30B81B5C308}" dt="2023-09-13T22:27:20.142" v="7443" actId="478"/>
          <ac:picMkLst>
            <pc:docMk/>
            <pc:sldMk cId="2012505498" sldId="974"/>
            <ac:picMk id="3" creationId="{D0DA4389-8644-589B-6772-E1107C7F38B5}"/>
          </ac:picMkLst>
        </pc:picChg>
        <pc:picChg chg="add mod">
          <ac:chgData name="Laizet, Sebastien" userId="4c329518-9e12-4f6b-8afa-9dbe60ec0c36" providerId="ADAL" clId="{62EF9582-67D8-4837-9BC7-E30B81B5C308}" dt="2023-09-14T22:55:18.079" v="9440" actId="1076"/>
          <ac:picMkLst>
            <pc:docMk/>
            <pc:sldMk cId="2012505498" sldId="974"/>
            <ac:picMk id="3" creationId="{E29C9A20-4B6D-412E-8D0E-6D9F40FA3D24}"/>
          </ac:picMkLst>
        </pc:picChg>
        <pc:picChg chg="add mod">
          <ac:chgData name="Laizet, Sebastien" userId="4c329518-9e12-4f6b-8afa-9dbe60ec0c36" providerId="ADAL" clId="{62EF9582-67D8-4837-9BC7-E30B81B5C308}" dt="2023-09-14T22:54:02.045" v="9425" actId="1076"/>
          <ac:picMkLst>
            <pc:docMk/>
            <pc:sldMk cId="2012505498" sldId="974"/>
            <ac:picMk id="4" creationId="{1AB3DDB4-A5EE-5494-439D-1CFD2ECA94C4}"/>
          </ac:picMkLst>
        </pc:picChg>
        <pc:picChg chg="del mod">
          <ac:chgData name="Laizet, Sebastien" userId="4c329518-9e12-4f6b-8afa-9dbe60ec0c36" providerId="ADAL" clId="{62EF9582-67D8-4837-9BC7-E30B81B5C308}" dt="2023-09-12T21:22:12.146" v="5207" actId="478"/>
          <ac:picMkLst>
            <pc:docMk/>
            <pc:sldMk cId="2012505498" sldId="974"/>
            <ac:picMk id="5" creationId="{84CB36D4-97E7-4ADE-92B8-F067EE8D5C5A}"/>
          </ac:picMkLst>
        </pc:picChg>
        <pc:picChg chg="add mod">
          <ac:chgData name="Laizet, Sebastien" userId="4c329518-9e12-4f6b-8afa-9dbe60ec0c36" providerId="ADAL" clId="{62EF9582-67D8-4837-9BC7-E30B81B5C308}" dt="2023-09-14T22:57:17.650" v="9461" actId="1076"/>
          <ac:picMkLst>
            <pc:docMk/>
            <pc:sldMk cId="2012505498" sldId="974"/>
            <ac:picMk id="7" creationId="{FA4F2C91-9EA5-0A98-DD3B-96BE88CAD919}"/>
          </ac:picMkLst>
        </pc:picChg>
        <pc:picChg chg="add del mod">
          <ac:chgData name="Laizet, Sebastien" userId="4c329518-9e12-4f6b-8afa-9dbe60ec0c36" providerId="ADAL" clId="{62EF9582-67D8-4837-9BC7-E30B81B5C308}" dt="2023-09-13T22:29:01.987" v="7448" actId="478"/>
          <ac:picMkLst>
            <pc:docMk/>
            <pc:sldMk cId="2012505498" sldId="974"/>
            <ac:picMk id="8" creationId="{44B24C2D-E653-F233-E204-56AF7AC5B4D0}"/>
          </ac:picMkLst>
        </pc:picChg>
        <pc:picChg chg="add del mod">
          <ac:chgData name="Laizet, Sebastien" userId="4c329518-9e12-4f6b-8afa-9dbe60ec0c36" providerId="ADAL" clId="{62EF9582-67D8-4837-9BC7-E30B81B5C308}" dt="2023-09-14T22:52:19.631" v="9412" actId="478"/>
          <ac:picMkLst>
            <pc:docMk/>
            <pc:sldMk cId="2012505498" sldId="974"/>
            <ac:picMk id="8" creationId="{E62D142E-C7DC-159B-6551-52C403624230}"/>
          </ac:picMkLst>
        </pc:picChg>
        <pc:picChg chg="del">
          <ac:chgData name="Laizet, Sebastien" userId="4c329518-9e12-4f6b-8afa-9dbe60ec0c36" providerId="ADAL" clId="{62EF9582-67D8-4837-9BC7-E30B81B5C308}" dt="2023-09-12T21:22:14.453" v="5208" actId="478"/>
          <ac:picMkLst>
            <pc:docMk/>
            <pc:sldMk cId="2012505498" sldId="974"/>
            <ac:picMk id="8" creationId="{E95016DB-1C98-4E41-816F-927089483FC0}"/>
          </ac:picMkLst>
        </pc:picChg>
        <pc:picChg chg="add mod">
          <ac:chgData name="Laizet, Sebastien" userId="4c329518-9e12-4f6b-8afa-9dbe60ec0c36" providerId="ADAL" clId="{62EF9582-67D8-4837-9BC7-E30B81B5C308}" dt="2023-09-14T22:54:10.718" v="9426" actId="1076"/>
          <ac:picMkLst>
            <pc:docMk/>
            <pc:sldMk cId="2012505498" sldId="974"/>
            <ac:picMk id="11" creationId="{94828B08-BB4C-CC0A-AF84-8361BC601128}"/>
          </ac:picMkLst>
        </pc:picChg>
        <pc:picChg chg="del">
          <ac:chgData name="Laizet, Sebastien" userId="4c329518-9e12-4f6b-8afa-9dbe60ec0c36" providerId="ADAL" clId="{62EF9582-67D8-4837-9BC7-E30B81B5C308}" dt="2023-09-12T21:35:37.358" v="5310" actId="478"/>
          <ac:picMkLst>
            <pc:docMk/>
            <pc:sldMk cId="2012505498" sldId="974"/>
            <ac:picMk id="13" creationId="{4FA220B0-D8AE-4692-A400-448650462A41}"/>
          </ac:picMkLst>
        </pc:picChg>
        <pc:picChg chg="add del mod">
          <ac:chgData name="Laizet, Sebastien" userId="4c329518-9e12-4f6b-8afa-9dbe60ec0c36" providerId="ADAL" clId="{62EF9582-67D8-4837-9BC7-E30B81B5C308}" dt="2023-09-14T22:56:29.836" v="9455" actId="478"/>
          <ac:picMkLst>
            <pc:docMk/>
            <pc:sldMk cId="2012505498" sldId="974"/>
            <ac:picMk id="13" creationId="{C4314A98-0608-BC39-B75A-BCACB1017724}"/>
          </ac:picMkLst>
        </pc:picChg>
        <pc:picChg chg="add del mod">
          <ac:chgData name="Laizet, Sebastien" userId="4c329518-9e12-4f6b-8afa-9dbe60ec0c36" providerId="ADAL" clId="{62EF9582-67D8-4837-9BC7-E30B81B5C308}" dt="2023-09-14T22:55:38.230" v="9444" actId="478"/>
          <ac:picMkLst>
            <pc:docMk/>
            <pc:sldMk cId="2012505498" sldId="974"/>
            <ac:picMk id="14" creationId="{271909A7-0DEE-A207-F5AC-3B4112AB7F36}"/>
          </ac:picMkLst>
        </pc:picChg>
        <pc:picChg chg="add del">
          <ac:chgData name="Laizet, Sebastien" userId="4c329518-9e12-4f6b-8afa-9dbe60ec0c36" providerId="ADAL" clId="{62EF9582-67D8-4837-9BC7-E30B81B5C308}" dt="2023-09-12T22:03:12.329" v="5352" actId="478"/>
          <ac:picMkLst>
            <pc:docMk/>
            <pc:sldMk cId="2012505498" sldId="974"/>
            <ac:picMk id="14" creationId="{91DB9250-E311-C7CA-7ABC-A2CC79CC825D}"/>
          </ac:picMkLst>
        </pc:picChg>
        <pc:picChg chg="del mod">
          <ac:chgData name="Laizet, Sebastien" userId="4c329518-9e12-4f6b-8afa-9dbe60ec0c36" providerId="ADAL" clId="{62EF9582-67D8-4837-9BC7-E30B81B5C308}" dt="2023-09-14T22:59:17.133" v="9478" actId="478"/>
          <ac:picMkLst>
            <pc:docMk/>
            <pc:sldMk cId="2012505498" sldId="974"/>
            <ac:picMk id="15" creationId="{9E50A1CC-061C-45F7-83E5-6EE9FD8A8D7A}"/>
          </ac:picMkLst>
        </pc:picChg>
        <pc:picChg chg="add mod">
          <ac:chgData name="Laizet, Sebastien" userId="4c329518-9e12-4f6b-8afa-9dbe60ec0c36" providerId="ADAL" clId="{62EF9582-67D8-4837-9BC7-E30B81B5C308}" dt="2023-09-14T22:56:23.340" v="9453" actId="14100"/>
          <ac:picMkLst>
            <pc:docMk/>
            <pc:sldMk cId="2012505498" sldId="974"/>
            <ac:picMk id="17" creationId="{25BA07B3-EAD8-41D9-865C-A54686C360A4}"/>
          </ac:picMkLst>
        </pc:picChg>
        <pc:picChg chg="del">
          <ac:chgData name="Laizet, Sebastien" userId="4c329518-9e12-4f6b-8afa-9dbe60ec0c36" providerId="ADAL" clId="{62EF9582-67D8-4837-9BC7-E30B81B5C308}" dt="2023-09-12T21:35:45.716" v="5313" actId="478"/>
          <ac:picMkLst>
            <pc:docMk/>
            <pc:sldMk cId="2012505498" sldId="974"/>
            <ac:picMk id="18" creationId="{047028F9-CB9F-4F23-B745-9C49FF0758B5}"/>
          </ac:picMkLst>
        </pc:picChg>
        <pc:picChg chg="add mod">
          <ac:chgData name="Laizet, Sebastien" userId="4c329518-9e12-4f6b-8afa-9dbe60ec0c36" providerId="ADAL" clId="{62EF9582-67D8-4837-9BC7-E30B81B5C308}" dt="2023-09-14T22:57:17.650" v="9461" actId="1076"/>
          <ac:picMkLst>
            <pc:docMk/>
            <pc:sldMk cId="2012505498" sldId="974"/>
            <ac:picMk id="19" creationId="{DC4A585B-7428-97BA-A6FC-04C7395F34DF}"/>
          </ac:picMkLst>
        </pc:picChg>
        <pc:picChg chg="add mod">
          <ac:chgData name="Laizet, Sebastien" userId="4c329518-9e12-4f6b-8afa-9dbe60ec0c36" providerId="ADAL" clId="{62EF9582-67D8-4837-9BC7-E30B81B5C308}" dt="2023-09-14T22:57:00.430" v="9460" actId="1076"/>
          <ac:picMkLst>
            <pc:docMk/>
            <pc:sldMk cId="2012505498" sldId="974"/>
            <ac:picMk id="22" creationId="{A80E5DAC-5817-E34B-ABCB-EB60829DE7FE}"/>
          </ac:picMkLst>
        </pc:picChg>
        <pc:picChg chg="add mod">
          <ac:chgData name="Laizet, Sebastien" userId="4c329518-9e12-4f6b-8afa-9dbe60ec0c36" providerId="ADAL" clId="{62EF9582-67D8-4837-9BC7-E30B81B5C308}" dt="2023-09-14T22:57:34.990" v="9464" actId="1076"/>
          <ac:picMkLst>
            <pc:docMk/>
            <pc:sldMk cId="2012505498" sldId="974"/>
            <ac:picMk id="23" creationId="{ECA814BF-6C93-F62C-6BB8-FDDD6DEC1A0B}"/>
          </ac:picMkLst>
        </pc:picChg>
        <pc:picChg chg="add mod">
          <ac:chgData name="Laizet, Sebastien" userId="4c329518-9e12-4f6b-8afa-9dbe60ec0c36" providerId="ADAL" clId="{62EF9582-67D8-4837-9BC7-E30B81B5C308}" dt="2023-09-14T22:57:17.650" v="9461" actId="1076"/>
          <ac:picMkLst>
            <pc:docMk/>
            <pc:sldMk cId="2012505498" sldId="974"/>
            <ac:picMk id="25" creationId="{3AB4D64F-B380-29EE-D171-B7BA3123CDF7}"/>
          </ac:picMkLst>
        </pc:picChg>
        <pc:picChg chg="add mod">
          <ac:chgData name="Laizet, Sebastien" userId="4c329518-9e12-4f6b-8afa-9dbe60ec0c36" providerId="ADAL" clId="{62EF9582-67D8-4837-9BC7-E30B81B5C308}" dt="2023-09-14T22:59:22.449" v="9479" actId="1076"/>
          <ac:picMkLst>
            <pc:docMk/>
            <pc:sldMk cId="2012505498" sldId="974"/>
            <ac:picMk id="27" creationId="{4DCECC4F-FC04-CCC5-F165-BABA0CCA332E}"/>
          </ac:picMkLst>
        </pc:picChg>
      </pc:sldChg>
      <pc:sldChg chg="del">
        <pc:chgData name="Laizet, Sebastien" userId="4c329518-9e12-4f6b-8afa-9dbe60ec0c36" providerId="ADAL" clId="{62EF9582-67D8-4837-9BC7-E30B81B5C308}" dt="2023-09-08T22:21:30.799" v="3035" actId="47"/>
        <pc:sldMkLst>
          <pc:docMk/>
          <pc:sldMk cId="4094081461" sldId="975"/>
        </pc:sldMkLst>
      </pc:sldChg>
      <pc:sldChg chg="del">
        <pc:chgData name="Laizet, Sebastien" userId="4c329518-9e12-4f6b-8afa-9dbe60ec0c36" providerId="ADAL" clId="{62EF9582-67D8-4837-9BC7-E30B81B5C308}" dt="2023-09-08T22:28:59.927" v="3227" actId="47"/>
        <pc:sldMkLst>
          <pc:docMk/>
          <pc:sldMk cId="686179706" sldId="976"/>
        </pc:sldMkLst>
      </pc:sldChg>
      <pc:sldChg chg="del">
        <pc:chgData name="Laizet, Sebastien" userId="4c329518-9e12-4f6b-8afa-9dbe60ec0c36" providerId="ADAL" clId="{62EF9582-67D8-4837-9BC7-E30B81B5C308}" dt="2023-09-08T21:57:57.244" v="3004" actId="47"/>
        <pc:sldMkLst>
          <pc:docMk/>
          <pc:sldMk cId="1589806410" sldId="977"/>
        </pc:sldMkLst>
      </pc:sldChg>
      <pc:sldChg chg="del">
        <pc:chgData name="Laizet, Sebastien" userId="4c329518-9e12-4f6b-8afa-9dbe60ec0c36" providerId="ADAL" clId="{62EF9582-67D8-4837-9BC7-E30B81B5C308}" dt="2023-09-08T21:57:59.062" v="3005" actId="47"/>
        <pc:sldMkLst>
          <pc:docMk/>
          <pc:sldMk cId="3106747042" sldId="978"/>
        </pc:sldMkLst>
      </pc:sldChg>
      <pc:sldChg chg="del">
        <pc:chgData name="Laizet, Sebastien" userId="4c329518-9e12-4f6b-8afa-9dbe60ec0c36" providerId="ADAL" clId="{62EF9582-67D8-4837-9BC7-E30B81B5C308}" dt="2023-09-08T22:29:03.872" v="3228" actId="47"/>
        <pc:sldMkLst>
          <pc:docMk/>
          <pc:sldMk cId="458281685" sldId="979"/>
        </pc:sldMkLst>
      </pc:sldChg>
      <pc:sldChg chg="del">
        <pc:chgData name="Laizet, Sebastien" userId="4c329518-9e12-4f6b-8afa-9dbe60ec0c36" providerId="ADAL" clId="{62EF9582-67D8-4837-9BC7-E30B81B5C308}" dt="2023-09-13T18:24:17.969" v="6558" actId="47"/>
        <pc:sldMkLst>
          <pc:docMk/>
          <pc:sldMk cId="1405565616" sldId="980"/>
        </pc:sldMkLst>
      </pc:sldChg>
      <pc:sldChg chg="addSp delSp modSp mod ord delAnim modAnim">
        <pc:chgData name="Laizet, Sebastien" userId="4c329518-9e12-4f6b-8afa-9dbe60ec0c36" providerId="ADAL" clId="{62EF9582-67D8-4837-9BC7-E30B81B5C308}" dt="2023-09-14T23:01:45.172" v="9488"/>
        <pc:sldMkLst>
          <pc:docMk/>
          <pc:sldMk cId="2874831098" sldId="981"/>
        </pc:sldMkLst>
        <pc:spChg chg="add del mod">
          <ac:chgData name="Laizet, Sebastien" userId="4c329518-9e12-4f6b-8afa-9dbe60ec0c36" providerId="ADAL" clId="{62EF9582-67D8-4837-9BC7-E30B81B5C308}" dt="2023-09-14T18:25:06.083" v="8513" actId="115"/>
          <ac:spMkLst>
            <pc:docMk/>
            <pc:sldMk cId="2874831098" sldId="981"/>
            <ac:spMk id="3" creationId="{712B4AED-2B67-BCCA-F480-13416DDD94BB}"/>
          </ac:spMkLst>
        </pc:spChg>
        <pc:spChg chg="add mod">
          <ac:chgData name="Laizet, Sebastien" userId="4c329518-9e12-4f6b-8afa-9dbe60ec0c36" providerId="ADAL" clId="{62EF9582-67D8-4837-9BC7-E30B81B5C308}" dt="2023-09-14T18:24:58.295" v="8512" actId="20577"/>
          <ac:spMkLst>
            <pc:docMk/>
            <pc:sldMk cId="2874831098" sldId="981"/>
            <ac:spMk id="4" creationId="{802809B4-2F4C-03D5-DB39-8C0AE5133468}"/>
          </ac:spMkLst>
        </pc:spChg>
        <pc:spChg chg="add mod">
          <ac:chgData name="Laizet, Sebastien" userId="4c329518-9e12-4f6b-8afa-9dbe60ec0c36" providerId="ADAL" clId="{62EF9582-67D8-4837-9BC7-E30B81B5C308}" dt="2023-09-14T18:24:33.334" v="8480" actId="20577"/>
          <ac:spMkLst>
            <pc:docMk/>
            <pc:sldMk cId="2874831098" sldId="981"/>
            <ac:spMk id="5" creationId="{DE1A1331-046D-6AFC-1A50-F3FFC66F1482}"/>
          </ac:spMkLst>
        </pc:spChg>
        <pc:spChg chg="add del mod">
          <ac:chgData name="Laizet, Sebastien" userId="4c329518-9e12-4f6b-8afa-9dbe60ec0c36" providerId="ADAL" clId="{62EF9582-67D8-4837-9BC7-E30B81B5C308}" dt="2023-09-14T18:25:08.646" v="8515" actId="478"/>
          <ac:spMkLst>
            <pc:docMk/>
            <pc:sldMk cId="2874831098" sldId="981"/>
            <ac:spMk id="6" creationId="{3BE6C834-FEED-72F2-130C-EBCFC2D35A45}"/>
          </ac:spMkLst>
        </pc:spChg>
        <pc:spChg chg="del mod">
          <ac:chgData name="Laizet, Sebastien" userId="4c329518-9e12-4f6b-8afa-9dbe60ec0c36" providerId="ADAL" clId="{62EF9582-67D8-4837-9BC7-E30B81B5C308}" dt="2023-09-12T23:12:36.033" v="5563" actId="478"/>
          <ac:spMkLst>
            <pc:docMk/>
            <pc:sldMk cId="2874831098" sldId="981"/>
            <ac:spMk id="8" creationId="{327CDDDB-632F-46E6-9F67-EBFA7E8E41EA}"/>
          </ac:spMkLst>
        </pc:spChg>
        <pc:spChg chg="del">
          <ac:chgData name="Laizet, Sebastien" userId="4c329518-9e12-4f6b-8afa-9dbe60ec0c36" providerId="ADAL" clId="{62EF9582-67D8-4837-9BC7-E30B81B5C308}" dt="2023-09-12T23:12:26.818" v="5560" actId="478"/>
          <ac:spMkLst>
            <pc:docMk/>
            <pc:sldMk cId="2874831098" sldId="981"/>
            <ac:spMk id="11" creationId="{58E5ED4C-E4A9-4431-80BB-AC2C7FF068BA}"/>
          </ac:spMkLst>
        </pc:spChg>
        <pc:spChg chg="mod">
          <ac:chgData name="Laizet, Sebastien" userId="4c329518-9e12-4f6b-8afa-9dbe60ec0c36" providerId="ADAL" clId="{62EF9582-67D8-4837-9BC7-E30B81B5C308}" dt="2023-09-14T18:19:34.431" v="8155" actId="20577"/>
          <ac:spMkLst>
            <pc:docMk/>
            <pc:sldMk cId="2874831098" sldId="981"/>
            <ac:spMk id="12" creationId="{2D48CE7F-A4E7-46B7-A699-B27216AA962E}"/>
          </ac:spMkLst>
        </pc:spChg>
        <pc:spChg chg="del">
          <ac:chgData name="Laizet, Sebastien" userId="4c329518-9e12-4f6b-8afa-9dbe60ec0c36" providerId="ADAL" clId="{62EF9582-67D8-4837-9BC7-E30B81B5C308}" dt="2023-09-12T23:12:31.097" v="5561" actId="478"/>
          <ac:spMkLst>
            <pc:docMk/>
            <pc:sldMk cId="2874831098" sldId="981"/>
            <ac:spMk id="14" creationId="{60F48CE3-574E-4806-9B46-057F7BD68BBD}"/>
          </ac:spMkLst>
        </pc:spChg>
        <pc:picChg chg="del">
          <ac:chgData name="Laizet, Sebastien" userId="4c329518-9e12-4f6b-8afa-9dbe60ec0c36" providerId="ADAL" clId="{62EF9582-67D8-4837-9BC7-E30B81B5C308}" dt="2023-09-12T23:12:32.747" v="5562" actId="478"/>
          <ac:picMkLst>
            <pc:docMk/>
            <pc:sldMk cId="2874831098" sldId="981"/>
            <ac:picMk id="4" creationId="{99A59DD1-F974-4523-B362-7606279078C5}"/>
          </ac:picMkLst>
        </pc:picChg>
        <pc:picChg chg="del">
          <ac:chgData name="Laizet, Sebastien" userId="4c329518-9e12-4f6b-8afa-9dbe60ec0c36" providerId="ADAL" clId="{62EF9582-67D8-4837-9BC7-E30B81B5C308}" dt="2023-09-12T22:15:05.392" v="5389" actId="478"/>
          <ac:picMkLst>
            <pc:docMk/>
            <pc:sldMk cId="2874831098" sldId="981"/>
            <ac:picMk id="6" creationId="{6AC4A7F6-EFB4-44FE-AE8F-A7013D8BD0E7}"/>
          </ac:picMkLst>
        </pc:picChg>
        <pc:picChg chg="add del mod">
          <ac:chgData name="Laizet, Sebastien" userId="4c329518-9e12-4f6b-8afa-9dbe60ec0c36" providerId="ADAL" clId="{62EF9582-67D8-4837-9BC7-E30B81B5C308}" dt="2023-09-14T20:29:46.426" v="8848" actId="21"/>
          <ac:picMkLst>
            <pc:docMk/>
            <pc:sldMk cId="2874831098" sldId="981"/>
            <ac:picMk id="8" creationId="{4E38090A-808B-B8D0-4CEA-16203CCD2704}"/>
          </ac:picMkLst>
        </pc:picChg>
        <pc:picChg chg="del mod">
          <ac:chgData name="Laizet, Sebastien" userId="4c329518-9e12-4f6b-8afa-9dbe60ec0c36" providerId="ADAL" clId="{62EF9582-67D8-4837-9BC7-E30B81B5C308}" dt="2023-09-12T23:13:04.782" v="5567" actId="478"/>
          <ac:picMkLst>
            <pc:docMk/>
            <pc:sldMk cId="2874831098" sldId="981"/>
            <ac:picMk id="13" creationId="{336922AE-7161-4774-87FF-2601EFED36B0}"/>
          </ac:picMkLst>
        </pc:picChg>
        <pc:picChg chg="del mod">
          <ac:chgData name="Laizet, Sebastien" userId="4c329518-9e12-4f6b-8afa-9dbe60ec0c36" providerId="ADAL" clId="{62EF9582-67D8-4837-9BC7-E30B81B5C308}" dt="2023-09-12T23:12:24.041" v="5559" actId="478"/>
          <ac:picMkLst>
            <pc:docMk/>
            <pc:sldMk cId="2874831098" sldId="981"/>
            <ac:picMk id="16" creationId="{52CC5A30-26BD-4972-B8C3-B9C342750311}"/>
          </ac:picMkLst>
        </pc:picChg>
      </pc:sldChg>
      <pc:sldChg chg="del">
        <pc:chgData name="Laizet, Sebastien" userId="4c329518-9e12-4f6b-8afa-9dbe60ec0c36" providerId="ADAL" clId="{62EF9582-67D8-4837-9BC7-E30B81B5C308}" dt="2023-06-15T13:40:33.756" v="1052" actId="47"/>
        <pc:sldMkLst>
          <pc:docMk/>
          <pc:sldMk cId="3920176533" sldId="982"/>
        </pc:sldMkLst>
      </pc:sldChg>
      <pc:sldChg chg="addSp delSp modSp mod delAnim modAnim">
        <pc:chgData name="Laizet, Sebastien" userId="4c329518-9e12-4f6b-8afa-9dbe60ec0c36" providerId="ADAL" clId="{62EF9582-67D8-4837-9BC7-E30B81B5C308}" dt="2023-09-14T22:48:31.359" v="9392"/>
        <pc:sldMkLst>
          <pc:docMk/>
          <pc:sldMk cId="2367574567" sldId="984"/>
        </pc:sldMkLst>
        <pc:spChg chg="del mod">
          <ac:chgData name="Laizet, Sebastien" userId="4c329518-9e12-4f6b-8afa-9dbe60ec0c36" providerId="ADAL" clId="{62EF9582-67D8-4837-9BC7-E30B81B5C308}" dt="2023-09-14T22:45:55.691" v="9380" actId="478"/>
          <ac:spMkLst>
            <pc:docMk/>
            <pc:sldMk cId="2367574567" sldId="984"/>
            <ac:spMk id="2" creationId="{228CBB7F-B0B5-4BA4-A366-C3149F5B40A6}"/>
          </ac:spMkLst>
        </pc:spChg>
        <pc:spChg chg="add del mod">
          <ac:chgData name="Laizet, Sebastien" userId="4c329518-9e12-4f6b-8afa-9dbe60ec0c36" providerId="ADAL" clId="{62EF9582-67D8-4837-9BC7-E30B81B5C308}" dt="2023-09-14T22:46:02.146" v="9382" actId="478"/>
          <ac:spMkLst>
            <pc:docMk/>
            <pc:sldMk cId="2367574567" sldId="984"/>
            <ac:spMk id="7" creationId="{F22396F3-A4DB-0333-1B22-B2D553970CC7}"/>
          </ac:spMkLst>
        </pc:spChg>
        <pc:spChg chg="mod">
          <ac:chgData name="Laizet, Sebastien" userId="4c329518-9e12-4f6b-8afa-9dbe60ec0c36" providerId="ADAL" clId="{62EF9582-67D8-4837-9BC7-E30B81B5C308}" dt="2023-09-14T22:42:05.434" v="9357" actId="14100"/>
          <ac:spMkLst>
            <pc:docMk/>
            <pc:sldMk cId="2367574567" sldId="984"/>
            <ac:spMk id="12" creationId="{2D48CE7F-A4E7-46B7-A699-B27216AA962E}"/>
          </ac:spMkLst>
        </pc:spChg>
        <pc:spChg chg="add mod">
          <ac:chgData name="Laizet, Sebastien" userId="4c329518-9e12-4f6b-8afa-9dbe60ec0c36" providerId="ADAL" clId="{62EF9582-67D8-4837-9BC7-E30B81B5C308}" dt="2023-09-14T22:48:16.990" v="9390" actId="1076"/>
          <ac:spMkLst>
            <pc:docMk/>
            <pc:sldMk cId="2367574567" sldId="984"/>
            <ac:spMk id="13" creationId="{7C86BE21-C42C-6DC0-3B5C-EB024FDB4DEC}"/>
          </ac:spMkLst>
        </pc:spChg>
        <pc:spChg chg="add mod">
          <ac:chgData name="Laizet, Sebastien" userId="4c329518-9e12-4f6b-8afa-9dbe60ec0c36" providerId="ADAL" clId="{62EF9582-67D8-4837-9BC7-E30B81B5C308}" dt="2023-09-12T21:15:47.524" v="5141" actId="1076"/>
          <ac:spMkLst>
            <pc:docMk/>
            <pc:sldMk cId="2367574567" sldId="984"/>
            <ac:spMk id="14" creationId="{DFDD6373-DDBA-FD6B-CF62-5F7F1A98B819}"/>
          </ac:spMkLst>
        </pc:spChg>
        <pc:spChg chg="add mod">
          <ac:chgData name="Laizet, Sebastien" userId="4c329518-9e12-4f6b-8afa-9dbe60ec0c36" providerId="ADAL" clId="{62EF9582-67D8-4837-9BC7-E30B81B5C308}" dt="2023-09-12T21:15:41.275" v="5140" actId="1076"/>
          <ac:spMkLst>
            <pc:docMk/>
            <pc:sldMk cId="2367574567" sldId="984"/>
            <ac:spMk id="17" creationId="{A9589683-DACB-F4FA-3B42-E70886F79AC2}"/>
          </ac:spMkLst>
        </pc:spChg>
        <pc:spChg chg="add mod">
          <ac:chgData name="Laizet, Sebastien" userId="4c329518-9e12-4f6b-8afa-9dbe60ec0c36" providerId="ADAL" clId="{62EF9582-67D8-4837-9BC7-E30B81B5C308}" dt="2023-09-12T21:10:11.369" v="4934" actId="1076"/>
          <ac:spMkLst>
            <pc:docMk/>
            <pc:sldMk cId="2367574567" sldId="984"/>
            <ac:spMk id="18" creationId="{769C2DAD-C4F6-7B55-BD02-D25A6C395A57}"/>
          </ac:spMkLst>
        </pc:spChg>
        <pc:spChg chg="add mod">
          <ac:chgData name="Laizet, Sebastien" userId="4c329518-9e12-4f6b-8afa-9dbe60ec0c36" providerId="ADAL" clId="{62EF9582-67D8-4837-9BC7-E30B81B5C308}" dt="2023-09-14T22:47:48.152" v="9387" actId="1076"/>
          <ac:spMkLst>
            <pc:docMk/>
            <pc:sldMk cId="2367574567" sldId="984"/>
            <ac:spMk id="29" creationId="{65385618-F819-8CDA-C782-04A68DE2E365}"/>
          </ac:spMkLst>
        </pc:spChg>
        <pc:spChg chg="add mod">
          <ac:chgData name="Laizet, Sebastien" userId="4c329518-9e12-4f6b-8afa-9dbe60ec0c36" providerId="ADAL" clId="{62EF9582-67D8-4837-9BC7-E30B81B5C308}" dt="2023-09-14T22:46:09.663" v="9383" actId="1076"/>
          <ac:spMkLst>
            <pc:docMk/>
            <pc:sldMk cId="2367574567" sldId="984"/>
            <ac:spMk id="31" creationId="{A963081B-4FA3-9587-6055-7B95720A8793}"/>
          </ac:spMkLst>
        </pc:spChg>
        <pc:picChg chg="del mod">
          <ac:chgData name="Laizet, Sebastien" userId="4c329518-9e12-4f6b-8afa-9dbe60ec0c36" providerId="ADAL" clId="{62EF9582-67D8-4837-9BC7-E30B81B5C308}" dt="2023-09-14T22:32:08.542" v="9311" actId="478"/>
          <ac:picMkLst>
            <pc:docMk/>
            <pc:sldMk cId="2367574567" sldId="984"/>
            <ac:picMk id="3" creationId="{ADF10088-BFF2-4D2F-8986-C31D0B47B642}"/>
          </ac:picMkLst>
        </pc:picChg>
        <pc:picChg chg="add mod">
          <ac:chgData name="Laizet, Sebastien" userId="4c329518-9e12-4f6b-8afa-9dbe60ec0c36" providerId="ADAL" clId="{62EF9582-67D8-4837-9BC7-E30B81B5C308}" dt="2023-09-14T22:32:29.705" v="9318" actId="1076"/>
          <ac:picMkLst>
            <pc:docMk/>
            <pc:sldMk cId="2367574567" sldId="984"/>
            <ac:picMk id="4" creationId="{92C24100-23E8-37BD-7BDA-600FA659A384}"/>
          </ac:picMkLst>
        </pc:picChg>
        <pc:picChg chg="del mod">
          <ac:chgData name="Laizet, Sebastien" userId="4c329518-9e12-4f6b-8afa-9dbe60ec0c36" providerId="ADAL" clId="{62EF9582-67D8-4837-9BC7-E30B81B5C308}" dt="2023-09-14T22:32:14.371" v="9315" actId="478"/>
          <ac:picMkLst>
            <pc:docMk/>
            <pc:sldMk cId="2367574567" sldId="984"/>
            <ac:picMk id="5" creationId="{491198CD-1DAB-40AF-9190-389C20ADAB88}"/>
          </ac:picMkLst>
        </pc:picChg>
        <pc:picChg chg="add del mod">
          <ac:chgData name="Laizet, Sebastien" userId="4c329518-9e12-4f6b-8afa-9dbe60ec0c36" providerId="ADAL" clId="{62EF9582-67D8-4837-9BC7-E30B81B5C308}" dt="2023-09-12T20:43:32.030" v="4828" actId="478"/>
          <ac:picMkLst>
            <pc:docMk/>
            <pc:sldMk cId="2367574567" sldId="984"/>
            <ac:picMk id="6" creationId="{0585311E-BC89-6D8E-1A6E-098F9746576A}"/>
          </ac:picMkLst>
        </pc:picChg>
        <pc:picChg chg="add mod">
          <ac:chgData name="Laizet, Sebastien" userId="4c329518-9e12-4f6b-8afa-9dbe60ec0c36" providerId="ADAL" clId="{62EF9582-67D8-4837-9BC7-E30B81B5C308}" dt="2023-09-14T22:32:26.134" v="9317" actId="1076"/>
          <ac:picMkLst>
            <pc:docMk/>
            <pc:sldMk cId="2367574567" sldId="984"/>
            <ac:picMk id="6" creationId="{13964C67-5A0C-255D-643B-E652676EE750}"/>
          </ac:picMkLst>
        </pc:picChg>
        <pc:picChg chg="del mod">
          <ac:chgData name="Laizet, Sebastien" userId="4c329518-9e12-4f6b-8afa-9dbe60ec0c36" providerId="ADAL" clId="{62EF9582-67D8-4837-9BC7-E30B81B5C308}" dt="2023-09-12T20:22:25.581" v="4761" actId="478"/>
          <ac:picMkLst>
            <pc:docMk/>
            <pc:sldMk cId="2367574567" sldId="984"/>
            <ac:picMk id="9" creationId="{946713A5-4C14-43AF-A30D-EBEE3024AFEB}"/>
          </ac:picMkLst>
        </pc:picChg>
        <pc:picChg chg="add mod">
          <ac:chgData name="Laizet, Sebastien" userId="4c329518-9e12-4f6b-8afa-9dbe60ec0c36" providerId="ADAL" clId="{62EF9582-67D8-4837-9BC7-E30B81B5C308}" dt="2023-09-14T22:42:41.647" v="9358" actId="14100"/>
          <ac:picMkLst>
            <pc:docMk/>
            <pc:sldMk cId="2367574567" sldId="984"/>
            <ac:picMk id="9" creationId="{E7A0364A-0768-DABC-3D11-98843446F5DC}"/>
          </ac:picMkLst>
        </pc:picChg>
        <pc:picChg chg="mod">
          <ac:chgData name="Laizet, Sebastien" userId="4c329518-9e12-4f6b-8afa-9dbe60ec0c36" providerId="ADAL" clId="{62EF9582-67D8-4837-9BC7-E30B81B5C308}" dt="2023-09-12T20:51:48.546" v="4848" actId="14100"/>
          <ac:picMkLst>
            <pc:docMk/>
            <pc:sldMk cId="2367574567" sldId="984"/>
            <ac:picMk id="10" creationId="{EE5E4593-4918-483A-B341-A4FD560EA654}"/>
          </ac:picMkLst>
        </pc:picChg>
        <pc:picChg chg="add del mod">
          <ac:chgData name="Laizet, Sebastien" userId="4c329518-9e12-4f6b-8afa-9dbe60ec0c36" providerId="ADAL" clId="{62EF9582-67D8-4837-9BC7-E30B81B5C308}" dt="2023-09-12T21:05:45.828" v="4898" actId="478"/>
          <ac:picMkLst>
            <pc:docMk/>
            <pc:sldMk cId="2367574567" sldId="984"/>
            <ac:picMk id="11" creationId="{0980BE87-CE13-4B71-9FEC-CBA9B79CAB94}"/>
          </ac:picMkLst>
        </pc:picChg>
        <pc:picChg chg="add mod">
          <ac:chgData name="Laizet, Sebastien" userId="4c329518-9e12-4f6b-8afa-9dbe60ec0c36" providerId="ADAL" clId="{62EF9582-67D8-4837-9BC7-E30B81B5C308}" dt="2023-09-14T22:37:48.155" v="9333" actId="14100"/>
          <ac:picMkLst>
            <pc:docMk/>
            <pc:sldMk cId="2367574567" sldId="984"/>
            <ac:picMk id="15" creationId="{9FAA42C7-B70E-769B-4D82-66568B98AD12}"/>
          </ac:picMkLst>
        </pc:picChg>
        <pc:picChg chg="add del mod">
          <ac:chgData name="Laizet, Sebastien" userId="4c329518-9e12-4f6b-8afa-9dbe60ec0c36" providerId="ADAL" clId="{62EF9582-67D8-4837-9BC7-E30B81B5C308}" dt="2023-09-12T21:05:17.182" v="4894" actId="478"/>
          <ac:picMkLst>
            <pc:docMk/>
            <pc:sldMk cId="2367574567" sldId="984"/>
            <ac:picMk id="16" creationId="{B77429FE-EF61-CEAC-A43E-BA354A9B62BE}"/>
          </ac:picMkLst>
        </pc:picChg>
        <pc:picChg chg="add mod">
          <ac:chgData name="Laizet, Sebastien" userId="4c329518-9e12-4f6b-8afa-9dbe60ec0c36" providerId="ADAL" clId="{62EF9582-67D8-4837-9BC7-E30B81B5C308}" dt="2023-09-14T22:38:51.124" v="9338" actId="14100"/>
          <ac:picMkLst>
            <pc:docMk/>
            <pc:sldMk cId="2367574567" sldId="984"/>
            <ac:picMk id="19" creationId="{53E08A08-6229-FF47-8B72-A5617C575F82}"/>
          </ac:picMkLst>
        </pc:picChg>
        <pc:picChg chg="add del mod">
          <ac:chgData name="Laizet, Sebastien" userId="4c329518-9e12-4f6b-8afa-9dbe60ec0c36" providerId="ADAL" clId="{62EF9582-67D8-4837-9BC7-E30B81B5C308}" dt="2023-09-12T21:06:35.814" v="4902" actId="478"/>
          <ac:picMkLst>
            <pc:docMk/>
            <pc:sldMk cId="2367574567" sldId="984"/>
            <ac:picMk id="20" creationId="{6AEAA215-2B18-D2F5-100D-91235CF7BADD}"/>
          </ac:picMkLst>
        </pc:picChg>
        <pc:picChg chg="add mod">
          <ac:chgData name="Laizet, Sebastien" userId="4c329518-9e12-4f6b-8afa-9dbe60ec0c36" providerId="ADAL" clId="{62EF9582-67D8-4837-9BC7-E30B81B5C308}" dt="2023-09-14T22:40:11.427" v="9346" actId="1076"/>
          <ac:picMkLst>
            <pc:docMk/>
            <pc:sldMk cId="2367574567" sldId="984"/>
            <ac:picMk id="21" creationId="{2D9C5830-C077-74C9-8FE0-6FF1EF604CD2}"/>
          </ac:picMkLst>
        </pc:picChg>
        <pc:picChg chg="add del mod">
          <ac:chgData name="Laizet, Sebastien" userId="4c329518-9e12-4f6b-8afa-9dbe60ec0c36" providerId="ADAL" clId="{62EF9582-67D8-4837-9BC7-E30B81B5C308}" dt="2023-09-12T21:04:50.215" v="4889" actId="478"/>
          <ac:picMkLst>
            <pc:docMk/>
            <pc:sldMk cId="2367574567" sldId="984"/>
            <ac:picMk id="22" creationId="{D3314B58-C421-98FB-E0E5-7B221FACC7BC}"/>
          </ac:picMkLst>
        </pc:picChg>
        <pc:picChg chg="add mod">
          <ac:chgData name="Laizet, Sebastien" userId="4c329518-9e12-4f6b-8afa-9dbe60ec0c36" providerId="ADAL" clId="{62EF9582-67D8-4837-9BC7-E30B81B5C308}" dt="2023-09-14T22:42:00.445" v="9355" actId="1076"/>
          <ac:picMkLst>
            <pc:docMk/>
            <pc:sldMk cId="2367574567" sldId="984"/>
            <ac:picMk id="23" creationId="{A134B634-721B-3675-0868-CA14F03EBC97}"/>
          </ac:picMkLst>
        </pc:picChg>
        <pc:picChg chg="add del mod">
          <ac:chgData name="Laizet, Sebastien" userId="4c329518-9e12-4f6b-8afa-9dbe60ec0c36" providerId="ADAL" clId="{62EF9582-67D8-4837-9BC7-E30B81B5C308}" dt="2023-09-14T22:41:47.284" v="9351" actId="478"/>
          <ac:picMkLst>
            <pc:docMk/>
            <pc:sldMk cId="2367574567" sldId="984"/>
            <ac:picMk id="24" creationId="{54771C80-2D32-66CD-64AD-B0208C0CDD57}"/>
          </ac:picMkLst>
        </pc:picChg>
        <pc:picChg chg="add del mod">
          <ac:chgData name="Laizet, Sebastien" userId="4c329518-9e12-4f6b-8afa-9dbe60ec0c36" providerId="ADAL" clId="{62EF9582-67D8-4837-9BC7-E30B81B5C308}" dt="2023-09-14T22:39:50.625" v="9340" actId="478"/>
          <ac:picMkLst>
            <pc:docMk/>
            <pc:sldMk cId="2367574567" sldId="984"/>
            <ac:picMk id="26" creationId="{2B724F9B-C97E-F536-5F28-DC9C5A7F3008}"/>
          </ac:picMkLst>
        </pc:picChg>
        <pc:picChg chg="add mod">
          <ac:chgData name="Laizet, Sebastien" userId="4c329518-9e12-4f6b-8afa-9dbe60ec0c36" providerId="ADAL" clId="{62EF9582-67D8-4837-9BC7-E30B81B5C308}" dt="2023-09-14T22:44:01.134" v="9366" actId="14100"/>
          <ac:picMkLst>
            <pc:docMk/>
            <pc:sldMk cId="2367574567" sldId="984"/>
            <ac:picMk id="27" creationId="{7D44633F-767E-5421-D264-0FABD2018EB6}"/>
          </ac:picMkLst>
        </pc:picChg>
        <pc:picChg chg="add del mod">
          <ac:chgData name="Laizet, Sebastien" userId="4c329518-9e12-4f6b-8afa-9dbe60ec0c36" providerId="ADAL" clId="{62EF9582-67D8-4837-9BC7-E30B81B5C308}" dt="2023-09-14T22:38:41.344" v="9334" actId="478"/>
          <ac:picMkLst>
            <pc:docMk/>
            <pc:sldMk cId="2367574567" sldId="984"/>
            <ac:picMk id="28" creationId="{9DB40BA6-9AD2-03D5-91CF-EB5B35957913}"/>
          </ac:picMkLst>
        </pc:picChg>
        <pc:picChg chg="add del mod">
          <ac:chgData name="Laizet, Sebastien" userId="4c329518-9e12-4f6b-8afa-9dbe60ec0c36" providerId="ADAL" clId="{62EF9582-67D8-4837-9BC7-E30B81B5C308}" dt="2023-09-14T22:37:05.485" v="9325" actId="478"/>
          <ac:picMkLst>
            <pc:docMk/>
            <pc:sldMk cId="2367574567" sldId="984"/>
            <ac:picMk id="30" creationId="{D164D1EA-1322-F9B8-6BC0-9271A1208DC5}"/>
          </ac:picMkLst>
        </pc:picChg>
        <pc:picChg chg="add del mod">
          <ac:chgData name="Laizet, Sebastien" userId="4c329518-9e12-4f6b-8afa-9dbe60ec0c36" providerId="ADAL" clId="{62EF9582-67D8-4837-9BC7-E30B81B5C308}" dt="2023-09-14T22:35:08.624" v="9319" actId="478"/>
          <ac:picMkLst>
            <pc:docMk/>
            <pc:sldMk cId="2367574567" sldId="984"/>
            <ac:picMk id="32" creationId="{F4DC80C2-7B2B-4A2D-1708-16215A63F505}"/>
          </ac:picMkLst>
        </pc:picChg>
        <pc:picChg chg="add del mod">
          <ac:chgData name="Laizet, Sebastien" userId="4c329518-9e12-4f6b-8afa-9dbe60ec0c36" providerId="ADAL" clId="{62EF9582-67D8-4837-9BC7-E30B81B5C308}" dt="2023-09-14T22:43:24.878" v="9359" actId="478"/>
          <ac:picMkLst>
            <pc:docMk/>
            <pc:sldMk cId="2367574567" sldId="984"/>
            <ac:picMk id="34" creationId="{1FAF24B9-0DE5-354B-FC0A-A1F989763695}"/>
          </ac:picMkLst>
        </pc:picChg>
      </pc:sldChg>
      <pc:sldChg chg="del">
        <pc:chgData name="Laizet, Sebastien" userId="4c329518-9e12-4f6b-8afa-9dbe60ec0c36" providerId="ADAL" clId="{62EF9582-67D8-4837-9BC7-E30B81B5C308}" dt="2023-09-08T22:29:26.360" v="3229" actId="47"/>
        <pc:sldMkLst>
          <pc:docMk/>
          <pc:sldMk cId="2131503893" sldId="986"/>
        </pc:sldMkLst>
      </pc:sldChg>
      <pc:sldChg chg="addSp delSp modSp del mod addAnim delAnim modAnim">
        <pc:chgData name="Laizet, Sebastien" userId="4c329518-9e12-4f6b-8afa-9dbe60ec0c36" providerId="ADAL" clId="{62EF9582-67D8-4837-9BC7-E30B81B5C308}" dt="2023-09-12T22:19:26.610" v="5390" actId="47"/>
        <pc:sldMkLst>
          <pc:docMk/>
          <pc:sldMk cId="0" sldId="989"/>
        </pc:sldMkLst>
        <pc:spChg chg="mod">
          <ac:chgData name="Laizet, Sebastien" userId="4c329518-9e12-4f6b-8afa-9dbe60ec0c36" providerId="ADAL" clId="{62EF9582-67D8-4837-9BC7-E30B81B5C308}" dt="2023-09-08T22:33:42.318" v="3858" actId="1036"/>
          <ac:spMkLst>
            <pc:docMk/>
            <pc:sldMk cId="0" sldId="989"/>
            <ac:spMk id="2" creationId="{8E2D70AE-CC2D-4823-A3F7-AF2A50B71D01}"/>
          </ac:spMkLst>
        </pc:spChg>
        <pc:spChg chg="add mod">
          <ac:chgData name="Laizet, Sebastien" userId="4c329518-9e12-4f6b-8afa-9dbe60ec0c36" providerId="ADAL" clId="{62EF9582-67D8-4837-9BC7-E30B81B5C308}" dt="2023-09-08T22:33:01.186" v="3778" actId="20577"/>
          <ac:spMkLst>
            <pc:docMk/>
            <pc:sldMk cId="0" sldId="989"/>
            <ac:spMk id="3" creationId="{1391263D-E317-2AB3-E61B-985DB2CC8C9A}"/>
          </ac:spMkLst>
        </pc:spChg>
        <pc:spChg chg="add mod">
          <ac:chgData name="Laizet, Sebastien" userId="4c329518-9e12-4f6b-8afa-9dbe60ec0c36" providerId="ADAL" clId="{62EF9582-67D8-4837-9BC7-E30B81B5C308}" dt="2023-09-08T22:33:33.711" v="3857" actId="20577"/>
          <ac:spMkLst>
            <pc:docMk/>
            <pc:sldMk cId="0" sldId="989"/>
            <ac:spMk id="4" creationId="{DB4ADB30-8EE8-AB47-5AEC-A88BB8810647}"/>
          </ac:spMkLst>
        </pc:spChg>
        <pc:spChg chg="add del">
          <ac:chgData name="Laizet, Sebastien" userId="4c329518-9e12-4f6b-8afa-9dbe60ec0c36" providerId="ADAL" clId="{62EF9582-67D8-4837-9BC7-E30B81B5C308}" dt="2023-09-08T22:32:17.512" v="3679" actId="478"/>
          <ac:spMkLst>
            <pc:docMk/>
            <pc:sldMk cId="0" sldId="989"/>
            <ac:spMk id="11" creationId="{39A0CDB3-0277-4333-A904-D5C37E1D6509}"/>
          </ac:spMkLst>
        </pc:spChg>
        <pc:spChg chg="mod">
          <ac:chgData name="Laizet, Sebastien" userId="4c329518-9e12-4f6b-8afa-9dbe60ec0c36" providerId="ADAL" clId="{62EF9582-67D8-4837-9BC7-E30B81B5C308}" dt="2023-09-08T22:31:23.538" v="3434" actId="20577"/>
          <ac:spMkLst>
            <pc:docMk/>
            <pc:sldMk cId="0" sldId="989"/>
            <ac:spMk id="2052" creationId="{757CE49C-8F86-4B5C-BBDC-9E0B6C9FBD3A}"/>
          </ac:spMkLst>
        </pc:spChg>
        <pc:spChg chg="mod">
          <ac:chgData name="Laizet, Sebastien" userId="4c329518-9e12-4f6b-8afa-9dbe60ec0c36" providerId="ADAL" clId="{62EF9582-67D8-4837-9BC7-E30B81B5C308}" dt="2023-09-08T22:32:34.105" v="3685" actId="1076"/>
          <ac:spMkLst>
            <pc:docMk/>
            <pc:sldMk cId="0" sldId="989"/>
            <ac:spMk id="2053" creationId="{025C0D29-6249-4FBD-BFBC-0ABD3A497893}"/>
          </ac:spMkLst>
        </pc:spChg>
        <pc:spChg chg="add del">
          <ac:chgData name="Laizet, Sebastien" userId="4c329518-9e12-4f6b-8afa-9dbe60ec0c36" providerId="ADAL" clId="{62EF9582-67D8-4837-9BC7-E30B81B5C308}" dt="2023-09-08T22:32:18.381" v="3680" actId="478"/>
          <ac:spMkLst>
            <pc:docMk/>
            <pc:sldMk cId="0" sldId="989"/>
            <ac:spMk id="2054" creationId="{5834A6E4-A798-4EA7-9EB2-98513D08EFAF}"/>
          </ac:spMkLst>
        </pc:spChg>
        <pc:picChg chg="add del mod">
          <ac:chgData name="Laizet, Sebastien" userId="4c329518-9e12-4f6b-8afa-9dbe60ec0c36" providerId="ADAL" clId="{62EF9582-67D8-4837-9BC7-E30B81B5C308}" dt="2023-09-08T22:32:24.719" v="3683" actId="1076"/>
          <ac:picMkLst>
            <pc:docMk/>
            <pc:sldMk cId="0" sldId="989"/>
            <ac:picMk id="2055" creationId="{E30A0ED9-76DB-444D-A0D0-A93D01FF01F9}"/>
          </ac:picMkLst>
        </pc:picChg>
        <pc:picChg chg="add del">
          <ac:chgData name="Laizet, Sebastien" userId="4c329518-9e12-4f6b-8afa-9dbe60ec0c36" providerId="ADAL" clId="{62EF9582-67D8-4837-9BC7-E30B81B5C308}" dt="2023-09-08T22:32:16.658" v="3678" actId="478"/>
          <ac:picMkLst>
            <pc:docMk/>
            <pc:sldMk cId="0" sldId="989"/>
            <ac:picMk id="2056" creationId="{1C5F6838-3A7E-4B82-AD77-F77310EE2405}"/>
          </ac:picMkLst>
        </pc:picChg>
        <pc:picChg chg="add del mod">
          <ac:chgData name="Laizet, Sebastien" userId="4c329518-9e12-4f6b-8afa-9dbe60ec0c36" providerId="ADAL" clId="{62EF9582-67D8-4837-9BC7-E30B81B5C308}" dt="2023-09-08T22:32:15.946" v="3677" actId="1076"/>
          <ac:picMkLst>
            <pc:docMk/>
            <pc:sldMk cId="0" sldId="989"/>
            <ac:picMk id="2057" creationId="{02A54FB5-F474-4B61-9E0B-81CA8F48C5E3}"/>
          </ac:picMkLst>
        </pc:picChg>
      </pc:sldChg>
      <pc:sldChg chg="addSp delSp modSp del mod ord modAnim">
        <pc:chgData name="Laizet, Sebastien" userId="4c329518-9e12-4f6b-8afa-9dbe60ec0c36" providerId="ADAL" clId="{62EF9582-67D8-4837-9BC7-E30B81B5C308}" dt="2023-09-14T18:07:46.590" v="7977" actId="47"/>
        <pc:sldMkLst>
          <pc:docMk/>
          <pc:sldMk cId="2852061630" sldId="990"/>
        </pc:sldMkLst>
        <pc:spChg chg="add mod">
          <ac:chgData name="Laizet, Sebastien" userId="4c329518-9e12-4f6b-8afa-9dbe60ec0c36" providerId="ADAL" clId="{62EF9582-67D8-4837-9BC7-E30B81B5C308}" dt="2023-06-16T21:51:57.842" v="2344"/>
          <ac:spMkLst>
            <pc:docMk/>
            <pc:sldMk cId="2852061630" sldId="990"/>
            <ac:spMk id="2" creationId="{97FC587E-D661-B61E-CC98-728D157AB81A}"/>
          </ac:spMkLst>
        </pc:spChg>
        <pc:spChg chg="add mod">
          <ac:chgData name="Laizet, Sebastien" userId="4c329518-9e12-4f6b-8afa-9dbe60ec0c36" providerId="ADAL" clId="{62EF9582-67D8-4837-9BC7-E30B81B5C308}" dt="2023-06-16T21:52:33.677" v="2347" actId="1076"/>
          <ac:spMkLst>
            <pc:docMk/>
            <pc:sldMk cId="2852061630" sldId="990"/>
            <ac:spMk id="8" creationId="{B1BC83A0-4954-C591-5547-3A7B2BF33F67}"/>
          </ac:spMkLst>
        </pc:spChg>
        <pc:spChg chg="mod">
          <ac:chgData name="Laizet, Sebastien" userId="4c329518-9e12-4f6b-8afa-9dbe60ec0c36" providerId="ADAL" clId="{62EF9582-67D8-4837-9BC7-E30B81B5C308}" dt="2023-06-16T21:52:12.596" v="2346" actId="1076"/>
          <ac:spMkLst>
            <pc:docMk/>
            <pc:sldMk cId="2852061630" sldId="990"/>
            <ac:spMk id="2051" creationId="{07EFF7A9-48D4-45DE-AD6F-09B6CCE0F09D}"/>
          </ac:spMkLst>
        </pc:spChg>
        <pc:picChg chg="del">
          <ac:chgData name="Laizet, Sebastien" userId="4c329518-9e12-4f6b-8afa-9dbe60ec0c36" providerId="ADAL" clId="{62EF9582-67D8-4837-9BC7-E30B81B5C308}" dt="2023-06-15T21:37:11.281" v="1499" actId="478"/>
          <ac:picMkLst>
            <pc:docMk/>
            <pc:sldMk cId="2852061630" sldId="990"/>
            <ac:picMk id="3" creationId="{7F7B9895-7B4B-CA04-5059-9F2E037E8B95}"/>
          </ac:picMkLst>
        </pc:picChg>
        <pc:picChg chg="add del mod">
          <ac:chgData name="Laizet, Sebastien" userId="4c329518-9e12-4f6b-8afa-9dbe60ec0c36" providerId="ADAL" clId="{62EF9582-67D8-4837-9BC7-E30B81B5C308}" dt="2023-06-15T21:39:36.667" v="1582" actId="478"/>
          <ac:picMkLst>
            <pc:docMk/>
            <pc:sldMk cId="2852061630" sldId="990"/>
            <ac:picMk id="4" creationId="{6BDC4976-267A-4BC9-0A99-592F7A3B30D8}"/>
          </ac:picMkLst>
        </pc:picChg>
        <pc:picChg chg="add mod">
          <ac:chgData name="Laizet, Sebastien" userId="4c329518-9e12-4f6b-8afa-9dbe60ec0c36" providerId="ADAL" clId="{62EF9582-67D8-4837-9BC7-E30B81B5C308}" dt="2023-06-16T21:52:04.378" v="2345" actId="1076"/>
          <ac:picMkLst>
            <pc:docMk/>
            <pc:sldMk cId="2852061630" sldId="990"/>
            <ac:picMk id="7" creationId="{DA0126E6-2A3B-94E3-8552-3BE48F5A1FFA}"/>
          </ac:picMkLst>
        </pc:picChg>
      </pc:sldChg>
      <pc:sldChg chg="addSp delSp modSp del mod modAnim">
        <pc:chgData name="Laizet, Sebastien" userId="4c329518-9e12-4f6b-8afa-9dbe60ec0c36" providerId="ADAL" clId="{62EF9582-67D8-4837-9BC7-E30B81B5C308}" dt="2023-09-14T18:09:19.369" v="7980" actId="47"/>
        <pc:sldMkLst>
          <pc:docMk/>
          <pc:sldMk cId="2728848987" sldId="991"/>
        </pc:sldMkLst>
        <pc:spChg chg="add mod">
          <ac:chgData name="Laizet, Sebastien" userId="4c329518-9e12-4f6b-8afa-9dbe60ec0c36" providerId="ADAL" clId="{62EF9582-67D8-4837-9BC7-E30B81B5C308}" dt="2023-06-16T22:04:51.966" v="2804" actId="20577"/>
          <ac:spMkLst>
            <pc:docMk/>
            <pc:sldMk cId="2728848987" sldId="991"/>
            <ac:spMk id="2" creationId="{DCA99CF9-86C1-4E3F-F44A-936A63F98156}"/>
          </ac:spMkLst>
        </pc:spChg>
        <pc:spChg chg="add mod">
          <ac:chgData name="Laizet, Sebastien" userId="4c329518-9e12-4f6b-8afa-9dbe60ec0c36" providerId="ADAL" clId="{62EF9582-67D8-4837-9BC7-E30B81B5C308}" dt="2023-06-16T22:00:15.650" v="2515" actId="14100"/>
          <ac:spMkLst>
            <pc:docMk/>
            <pc:sldMk cId="2728848987" sldId="991"/>
            <ac:spMk id="3" creationId="{21B3495F-5C03-1824-4BC2-6419643A0152}"/>
          </ac:spMkLst>
        </pc:spChg>
        <pc:spChg chg="del mod">
          <ac:chgData name="Laizet, Sebastien" userId="4c329518-9e12-4f6b-8afa-9dbe60ec0c36" providerId="ADAL" clId="{62EF9582-67D8-4837-9BC7-E30B81B5C308}" dt="2023-06-16T22:00:11.219" v="2514" actId="478"/>
          <ac:spMkLst>
            <pc:docMk/>
            <pc:sldMk cId="2728848987" sldId="991"/>
            <ac:spMk id="6147" creationId="{DADF1722-AC02-4639-B91A-A4265CAE6E54}"/>
          </ac:spMkLst>
        </pc:spChg>
        <pc:spChg chg="del">
          <ac:chgData name="Laizet, Sebastien" userId="4c329518-9e12-4f6b-8afa-9dbe60ec0c36" providerId="ADAL" clId="{62EF9582-67D8-4837-9BC7-E30B81B5C308}" dt="2023-06-16T22:00:19.579" v="2516" actId="478"/>
          <ac:spMkLst>
            <pc:docMk/>
            <pc:sldMk cId="2728848987" sldId="991"/>
            <ac:spMk id="6148" creationId="{A6EBEEC5-4318-4BAB-BE22-C78D8F45312E}"/>
          </ac:spMkLst>
        </pc:spChg>
        <pc:spChg chg="mod">
          <ac:chgData name="Laizet, Sebastien" userId="4c329518-9e12-4f6b-8afa-9dbe60ec0c36" providerId="ADAL" clId="{62EF9582-67D8-4837-9BC7-E30B81B5C308}" dt="2023-06-17T06:38:03.390" v="2805" actId="1076"/>
          <ac:spMkLst>
            <pc:docMk/>
            <pc:sldMk cId="2728848987" sldId="991"/>
            <ac:spMk id="6149" creationId="{BA025B4C-F085-40F2-9AC5-422253C8E491}"/>
          </ac:spMkLst>
        </pc:spChg>
      </pc:sldChg>
      <pc:sldChg chg="addSp modSp modAnim">
        <pc:chgData name="Laizet, Sebastien" userId="4c329518-9e12-4f6b-8afa-9dbe60ec0c36" providerId="ADAL" clId="{62EF9582-67D8-4837-9BC7-E30B81B5C308}" dt="2023-09-14T21:51:20.285" v="8977"/>
        <pc:sldMkLst>
          <pc:docMk/>
          <pc:sldMk cId="0" sldId="992"/>
        </pc:sldMkLst>
        <pc:spChg chg="add mod">
          <ac:chgData name="Laizet, Sebastien" userId="4c329518-9e12-4f6b-8afa-9dbe60ec0c36" providerId="ADAL" clId="{62EF9582-67D8-4837-9BC7-E30B81B5C308}" dt="2023-09-14T21:48:35.096" v="8964" actId="571"/>
          <ac:spMkLst>
            <pc:docMk/>
            <pc:sldMk cId="0" sldId="992"/>
            <ac:spMk id="3" creationId="{0FC0414E-66A5-E262-776C-0B3553BE7B4C}"/>
          </ac:spMkLst>
        </pc:spChg>
        <pc:picChg chg="add mod">
          <ac:chgData name="Laizet, Sebastien" userId="4c329518-9e12-4f6b-8afa-9dbe60ec0c36" providerId="ADAL" clId="{62EF9582-67D8-4837-9BC7-E30B81B5C308}" dt="2023-09-14T21:49:50.913" v="8968" actId="1076"/>
          <ac:picMkLst>
            <pc:docMk/>
            <pc:sldMk cId="0" sldId="992"/>
            <ac:picMk id="2" creationId="{E621ADC0-43D2-1AD9-ADF7-B75C3722F8F2}"/>
          </ac:picMkLst>
        </pc:picChg>
        <pc:picChg chg="mod">
          <ac:chgData name="Laizet, Sebastien" userId="4c329518-9e12-4f6b-8afa-9dbe60ec0c36" providerId="ADAL" clId="{62EF9582-67D8-4837-9BC7-E30B81B5C308}" dt="2023-09-14T21:46:39.278" v="8961" actId="1076"/>
          <ac:picMkLst>
            <pc:docMk/>
            <pc:sldMk cId="0" sldId="992"/>
            <ac:picMk id="3076" creationId="{B25B3800-D235-DCC9-802F-3F8EA3B0053E}"/>
          </ac:picMkLst>
        </pc:picChg>
      </pc:sldChg>
      <pc:sldChg chg="addSp delSp modSp mod modAnim">
        <pc:chgData name="Laizet, Sebastien" userId="4c329518-9e12-4f6b-8afa-9dbe60ec0c36" providerId="ADAL" clId="{62EF9582-67D8-4837-9BC7-E30B81B5C308}" dt="2023-09-14T22:08:15.602" v="9227"/>
        <pc:sldMkLst>
          <pc:docMk/>
          <pc:sldMk cId="0" sldId="994"/>
        </pc:sldMkLst>
        <pc:spChg chg="add mod">
          <ac:chgData name="Laizet, Sebastien" userId="4c329518-9e12-4f6b-8afa-9dbe60ec0c36" providerId="ADAL" clId="{62EF9582-67D8-4837-9BC7-E30B81B5C308}" dt="2023-09-14T07:13:50.020" v="7671" actId="207"/>
          <ac:spMkLst>
            <pc:docMk/>
            <pc:sldMk cId="0" sldId="994"/>
            <ac:spMk id="2" creationId="{DDFD1676-94B7-0D25-844F-C6D1F9886C52}"/>
          </ac:spMkLst>
        </pc:spChg>
        <pc:spChg chg="del">
          <ac:chgData name="Laizet, Sebastien" userId="4c329518-9e12-4f6b-8afa-9dbe60ec0c36" providerId="ADAL" clId="{62EF9582-67D8-4837-9BC7-E30B81B5C308}" dt="2023-09-13T22:03:31.892" v="7323" actId="478"/>
          <ac:spMkLst>
            <pc:docMk/>
            <pc:sldMk cId="0" sldId="994"/>
            <ac:spMk id="3" creationId="{73E4C41E-09F1-6513-6FF0-7DF6EA6EB99D}"/>
          </ac:spMkLst>
        </pc:spChg>
        <pc:spChg chg="add mod">
          <ac:chgData name="Laizet, Sebastien" userId="4c329518-9e12-4f6b-8afa-9dbe60ec0c36" providerId="ADAL" clId="{62EF9582-67D8-4837-9BC7-E30B81B5C308}" dt="2023-09-14T07:13:44.365" v="7670" actId="207"/>
          <ac:spMkLst>
            <pc:docMk/>
            <pc:sldMk cId="0" sldId="994"/>
            <ac:spMk id="4" creationId="{52BB6E18-D76C-E003-73BA-FE02D7ADE067}"/>
          </ac:spMkLst>
        </pc:spChg>
        <pc:spChg chg="add mod">
          <ac:chgData name="Laizet, Sebastien" userId="4c329518-9e12-4f6b-8afa-9dbe60ec0c36" providerId="ADAL" clId="{62EF9582-67D8-4837-9BC7-E30B81B5C308}" dt="2023-09-14T07:17:41.953" v="7797" actId="14100"/>
          <ac:spMkLst>
            <pc:docMk/>
            <pc:sldMk cId="0" sldId="994"/>
            <ac:spMk id="5" creationId="{C869CD15-15BA-DEDB-BF1E-DF3DF419D53D}"/>
          </ac:spMkLst>
        </pc:spChg>
        <pc:spChg chg="mod">
          <ac:chgData name="Laizet, Sebastien" userId="4c329518-9e12-4f6b-8afa-9dbe60ec0c36" providerId="ADAL" clId="{62EF9582-67D8-4837-9BC7-E30B81B5C308}" dt="2023-09-14T07:11:03.314" v="7603" actId="115"/>
          <ac:spMkLst>
            <pc:docMk/>
            <pc:sldMk cId="0" sldId="994"/>
            <ac:spMk id="28674" creationId="{FA2458F7-1547-8EB2-F399-50C75EB506C4}"/>
          </ac:spMkLst>
        </pc:spChg>
      </pc:sldChg>
      <pc:sldChg chg="addSp delSp modSp mod">
        <pc:chgData name="Laizet, Sebastien" userId="4c329518-9e12-4f6b-8afa-9dbe60ec0c36" providerId="ADAL" clId="{62EF9582-67D8-4837-9BC7-E30B81B5C308}" dt="2023-09-14T07:16:07.162" v="7760" actId="478"/>
        <pc:sldMkLst>
          <pc:docMk/>
          <pc:sldMk cId="0" sldId="995"/>
        </pc:sldMkLst>
        <pc:spChg chg="del">
          <ac:chgData name="Laizet, Sebastien" userId="4c329518-9e12-4f6b-8afa-9dbe60ec0c36" providerId="ADAL" clId="{62EF9582-67D8-4837-9BC7-E30B81B5C308}" dt="2023-09-14T07:16:04.498" v="7759" actId="478"/>
          <ac:spMkLst>
            <pc:docMk/>
            <pc:sldMk cId="0" sldId="995"/>
            <ac:spMk id="3" creationId="{BFC95C60-425A-124D-EC9E-0F17E4BD4902}"/>
          </ac:spMkLst>
        </pc:spChg>
        <pc:spChg chg="add del mod">
          <ac:chgData name="Laizet, Sebastien" userId="4c329518-9e12-4f6b-8afa-9dbe60ec0c36" providerId="ADAL" clId="{62EF9582-67D8-4837-9BC7-E30B81B5C308}" dt="2023-09-14T07:16:07.162" v="7760" actId="478"/>
          <ac:spMkLst>
            <pc:docMk/>
            <pc:sldMk cId="0" sldId="995"/>
            <ac:spMk id="5" creationId="{9FD2A2FB-303F-48E5-E7B6-0D8090834B61}"/>
          </ac:spMkLst>
        </pc:spChg>
        <pc:spChg chg="mod">
          <ac:chgData name="Laizet, Sebastien" userId="4c329518-9e12-4f6b-8afa-9dbe60ec0c36" providerId="ADAL" clId="{62EF9582-67D8-4837-9BC7-E30B81B5C308}" dt="2023-09-14T07:16:00.193" v="7758" actId="14100"/>
          <ac:spMkLst>
            <pc:docMk/>
            <pc:sldMk cId="0" sldId="995"/>
            <ac:spMk id="30776" creationId="{49455203-AE3A-2024-7FAA-8578D6D10916}"/>
          </ac:spMkLst>
        </pc:spChg>
      </pc:sldChg>
      <pc:sldChg chg="addSp delSp modSp mod">
        <pc:chgData name="Laizet, Sebastien" userId="4c329518-9e12-4f6b-8afa-9dbe60ec0c36" providerId="ADAL" clId="{62EF9582-67D8-4837-9BC7-E30B81B5C308}" dt="2023-09-08T22:23:57.124" v="3107" actId="113"/>
        <pc:sldMkLst>
          <pc:docMk/>
          <pc:sldMk cId="1603095643" sldId="996"/>
        </pc:sldMkLst>
        <pc:spChg chg="add mod">
          <ac:chgData name="Laizet, Sebastien" userId="4c329518-9e12-4f6b-8afa-9dbe60ec0c36" providerId="ADAL" clId="{62EF9582-67D8-4837-9BC7-E30B81B5C308}" dt="2023-09-08T22:23:57.124" v="3107" actId="113"/>
          <ac:spMkLst>
            <pc:docMk/>
            <pc:sldMk cId="1603095643" sldId="996"/>
            <ac:spMk id="21" creationId="{521A388E-2345-A647-4D63-42287C0FBC49}"/>
          </ac:spMkLst>
        </pc:spChg>
        <pc:picChg chg="add del mod">
          <ac:chgData name="Laizet, Sebastien" userId="4c329518-9e12-4f6b-8afa-9dbe60ec0c36" providerId="ADAL" clId="{62EF9582-67D8-4837-9BC7-E30B81B5C308}" dt="2023-09-08T21:52:40.080" v="2947" actId="478"/>
          <ac:picMkLst>
            <pc:docMk/>
            <pc:sldMk cId="1603095643" sldId="996"/>
            <ac:picMk id="3" creationId="{F9311710-4627-EFA9-79E0-018D13FA0141}"/>
          </ac:picMkLst>
        </pc:picChg>
        <pc:picChg chg="add del mod">
          <ac:chgData name="Laizet, Sebastien" userId="4c329518-9e12-4f6b-8afa-9dbe60ec0c36" providerId="ADAL" clId="{62EF9582-67D8-4837-9BC7-E30B81B5C308}" dt="2023-09-08T21:51:19.998" v="2944" actId="478"/>
          <ac:picMkLst>
            <pc:docMk/>
            <pc:sldMk cId="1603095643" sldId="996"/>
            <ac:picMk id="5" creationId="{CD28C252-F1C2-D9EB-11C4-58295B14E65F}"/>
          </ac:picMkLst>
        </pc:picChg>
        <pc:picChg chg="del">
          <ac:chgData name="Laizet, Sebastien" userId="4c329518-9e12-4f6b-8afa-9dbe60ec0c36" providerId="ADAL" clId="{62EF9582-67D8-4837-9BC7-E30B81B5C308}" dt="2023-09-08T21:14:58.765" v="2808" actId="478"/>
          <ac:picMkLst>
            <pc:docMk/>
            <pc:sldMk cId="1603095643" sldId="996"/>
            <ac:picMk id="7" creationId="{E57CBFBF-C981-47F0-BA11-382CB754C215}"/>
          </ac:picMkLst>
        </pc:picChg>
        <pc:picChg chg="add del mod">
          <ac:chgData name="Laizet, Sebastien" userId="4c329518-9e12-4f6b-8afa-9dbe60ec0c36" providerId="ADAL" clId="{62EF9582-67D8-4837-9BC7-E30B81B5C308}" dt="2023-09-08T21:44:14.015" v="2915" actId="478"/>
          <ac:picMkLst>
            <pc:docMk/>
            <pc:sldMk cId="1603095643" sldId="996"/>
            <ac:picMk id="8" creationId="{83DCDC21-5768-33FA-1092-2EE23BB578EA}"/>
          </ac:picMkLst>
        </pc:picChg>
        <pc:picChg chg="add del mod">
          <ac:chgData name="Laizet, Sebastien" userId="4c329518-9e12-4f6b-8afa-9dbe60ec0c36" providerId="ADAL" clId="{62EF9582-67D8-4837-9BC7-E30B81B5C308}" dt="2023-09-08T21:48:30.106" v="2931" actId="478"/>
          <ac:picMkLst>
            <pc:docMk/>
            <pc:sldMk cId="1603095643" sldId="996"/>
            <ac:picMk id="10" creationId="{A37FBC0C-3381-F1AB-9E05-116F462815A6}"/>
          </ac:picMkLst>
        </pc:picChg>
        <pc:picChg chg="add del mod">
          <ac:chgData name="Laizet, Sebastien" userId="4c329518-9e12-4f6b-8afa-9dbe60ec0c36" providerId="ADAL" clId="{62EF9582-67D8-4837-9BC7-E30B81B5C308}" dt="2023-09-08T21:25:01.152" v="2824" actId="478"/>
          <ac:picMkLst>
            <pc:docMk/>
            <pc:sldMk cId="1603095643" sldId="996"/>
            <ac:picMk id="11" creationId="{7484BA4C-12D6-0927-7418-0F98870396B4}"/>
          </ac:picMkLst>
        </pc:picChg>
        <pc:picChg chg="add del mod">
          <ac:chgData name="Laizet, Sebastien" userId="4c329518-9e12-4f6b-8afa-9dbe60ec0c36" providerId="ADAL" clId="{62EF9582-67D8-4837-9BC7-E30B81B5C308}" dt="2023-09-08T21:38:55.075" v="2877" actId="478"/>
          <ac:picMkLst>
            <pc:docMk/>
            <pc:sldMk cId="1603095643" sldId="996"/>
            <ac:picMk id="13" creationId="{4B9BD781-B2D6-CBB1-0A1C-F3AB9D436B23}"/>
          </ac:picMkLst>
        </pc:picChg>
        <pc:picChg chg="add del mod">
          <ac:chgData name="Laizet, Sebastien" userId="4c329518-9e12-4f6b-8afa-9dbe60ec0c36" providerId="ADAL" clId="{62EF9582-67D8-4837-9BC7-E30B81B5C308}" dt="2023-09-08T21:39:28.973" v="2879" actId="478"/>
          <ac:picMkLst>
            <pc:docMk/>
            <pc:sldMk cId="1603095643" sldId="996"/>
            <ac:picMk id="15" creationId="{87EAF8AC-AB17-C68D-0155-41A2D0A4F06E}"/>
          </ac:picMkLst>
        </pc:picChg>
        <pc:picChg chg="add del">
          <ac:chgData name="Laizet, Sebastien" userId="4c329518-9e12-4f6b-8afa-9dbe60ec0c36" providerId="ADAL" clId="{62EF9582-67D8-4837-9BC7-E30B81B5C308}" dt="2023-09-08T21:38:41.400" v="2876" actId="478"/>
          <ac:picMkLst>
            <pc:docMk/>
            <pc:sldMk cId="1603095643" sldId="996"/>
            <ac:picMk id="17" creationId="{DF8526CC-9CEE-FB4E-686F-E40FBA8B0A94}"/>
          </ac:picMkLst>
        </pc:picChg>
        <pc:picChg chg="add del mod">
          <ac:chgData name="Laizet, Sebastien" userId="4c329518-9e12-4f6b-8afa-9dbe60ec0c36" providerId="ADAL" clId="{62EF9582-67D8-4837-9BC7-E30B81B5C308}" dt="2023-09-08T21:45:36.601" v="2925" actId="478"/>
          <ac:picMkLst>
            <pc:docMk/>
            <pc:sldMk cId="1603095643" sldId="996"/>
            <ac:picMk id="18" creationId="{710C74D4-1E9E-F42C-1D77-3D99B134A055}"/>
          </ac:picMkLst>
        </pc:picChg>
        <pc:picChg chg="add mod">
          <ac:chgData name="Laizet, Sebastien" userId="4c329518-9e12-4f6b-8afa-9dbe60ec0c36" providerId="ADAL" clId="{62EF9582-67D8-4837-9BC7-E30B81B5C308}" dt="2023-09-08T21:53:45.013" v="2973" actId="1076"/>
          <ac:picMkLst>
            <pc:docMk/>
            <pc:sldMk cId="1603095643" sldId="996"/>
            <ac:picMk id="20" creationId="{80E0575E-5089-9925-4CB4-F7E7C51B449F}"/>
          </ac:picMkLst>
        </pc:picChg>
        <pc:picChg chg="add mod">
          <ac:chgData name="Laizet, Sebastien" userId="4c329518-9e12-4f6b-8afa-9dbe60ec0c36" providerId="ADAL" clId="{62EF9582-67D8-4837-9BC7-E30B81B5C308}" dt="2023-09-08T21:53:46.122" v="2974" actId="1076"/>
          <ac:picMkLst>
            <pc:docMk/>
            <pc:sldMk cId="1603095643" sldId="996"/>
            <ac:picMk id="22" creationId="{24874CB4-F261-0783-3279-4133627CB00D}"/>
          </ac:picMkLst>
        </pc:picChg>
      </pc:sldChg>
      <pc:sldChg chg="addSp delSp modSp del mod">
        <pc:chgData name="Laizet, Sebastien" userId="4c329518-9e12-4f6b-8afa-9dbe60ec0c36" providerId="ADAL" clId="{62EF9582-67D8-4837-9BC7-E30B81B5C308}" dt="2023-09-08T21:39:56.299" v="2884" actId="47"/>
        <pc:sldMkLst>
          <pc:docMk/>
          <pc:sldMk cId="1486086364" sldId="997"/>
        </pc:sldMkLst>
        <pc:picChg chg="add mod">
          <ac:chgData name="Laizet, Sebastien" userId="4c329518-9e12-4f6b-8afa-9dbe60ec0c36" providerId="ADAL" clId="{62EF9582-67D8-4837-9BC7-E30B81B5C308}" dt="2023-09-08T21:37:49.532" v="2875"/>
          <ac:picMkLst>
            <pc:docMk/>
            <pc:sldMk cId="1486086364" sldId="997"/>
            <ac:picMk id="2" creationId="{53EDDC81-2107-E3B0-D347-D15F7E25DB49}"/>
          </ac:picMkLst>
        </pc:picChg>
        <pc:picChg chg="del">
          <ac:chgData name="Laizet, Sebastien" userId="4c329518-9e12-4f6b-8afa-9dbe60ec0c36" providerId="ADAL" clId="{62EF9582-67D8-4837-9BC7-E30B81B5C308}" dt="2023-09-08T21:37:40.926" v="2874" actId="478"/>
          <ac:picMkLst>
            <pc:docMk/>
            <pc:sldMk cId="1486086364" sldId="997"/>
            <ac:picMk id="7" creationId="{E57CBFBF-C981-47F0-BA11-382CB754C215}"/>
          </ac:picMkLst>
        </pc:picChg>
      </pc:sldChg>
      <pc:sldChg chg="addSp modSp mod ord">
        <pc:chgData name="Laizet, Sebastien" userId="4c329518-9e12-4f6b-8afa-9dbe60ec0c36" providerId="ADAL" clId="{62EF9582-67D8-4837-9BC7-E30B81B5C308}" dt="2023-09-13T20:14:56.665" v="6831"/>
        <pc:sldMkLst>
          <pc:docMk/>
          <pc:sldMk cId="3755314435" sldId="997"/>
        </pc:sldMkLst>
        <pc:picChg chg="add mod">
          <ac:chgData name="Laizet, Sebastien" userId="4c329518-9e12-4f6b-8afa-9dbe60ec0c36" providerId="ADAL" clId="{62EF9582-67D8-4837-9BC7-E30B81B5C308}" dt="2023-09-08T21:45:11.968" v="2923" actId="14100"/>
          <ac:picMkLst>
            <pc:docMk/>
            <pc:sldMk cId="3755314435" sldId="997"/>
            <ac:picMk id="2" creationId="{437E44CB-A0D6-17AF-E463-0C0459A02FCF}"/>
          </ac:picMkLst>
        </pc:picChg>
      </pc:sldChg>
      <pc:sldChg chg="addSp delSp modSp del mod">
        <pc:chgData name="Laizet, Sebastien" userId="4c329518-9e12-4f6b-8afa-9dbe60ec0c36" providerId="ADAL" clId="{62EF9582-67D8-4837-9BC7-E30B81B5C308}" dt="2023-09-13T20:03:55.444" v="6806" actId="47"/>
        <pc:sldMkLst>
          <pc:docMk/>
          <pc:sldMk cId="3638666264" sldId="998"/>
        </pc:sldMkLst>
        <pc:picChg chg="mod">
          <ac:chgData name="Laizet, Sebastien" userId="4c329518-9e12-4f6b-8afa-9dbe60ec0c36" providerId="ADAL" clId="{62EF9582-67D8-4837-9BC7-E30B81B5C308}" dt="2023-09-08T22:10:24.370" v="3021" actId="1076"/>
          <ac:picMkLst>
            <pc:docMk/>
            <pc:sldMk cId="3638666264" sldId="998"/>
            <ac:picMk id="3" creationId="{1F2ADED2-1E5A-4972-9F4F-280D39A50C59}"/>
          </ac:picMkLst>
        </pc:picChg>
        <pc:picChg chg="add mod">
          <ac:chgData name="Laizet, Sebastien" userId="4c329518-9e12-4f6b-8afa-9dbe60ec0c36" providerId="ADAL" clId="{62EF9582-67D8-4837-9BC7-E30B81B5C308}" dt="2023-09-08T22:10:35.942" v="3025" actId="14100"/>
          <ac:picMkLst>
            <pc:docMk/>
            <pc:sldMk cId="3638666264" sldId="998"/>
            <ac:picMk id="7" creationId="{5D2E81F3-B88C-F52D-60D6-230435A264DF}"/>
          </ac:picMkLst>
        </pc:picChg>
        <pc:picChg chg="add mod">
          <ac:chgData name="Laizet, Sebastien" userId="4c329518-9e12-4f6b-8afa-9dbe60ec0c36" providerId="ADAL" clId="{62EF9582-67D8-4837-9BC7-E30B81B5C308}" dt="2023-09-08T22:12:51.569" v="3034" actId="1076"/>
          <ac:picMkLst>
            <pc:docMk/>
            <pc:sldMk cId="3638666264" sldId="998"/>
            <ac:picMk id="9" creationId="{6FAD0E96-4260-464C-D71F-21CBF76764A1}"/>
          </ac:picMkLst>
        </pc:picChg>
        <pc:picChg chg="del mod">
          <ac:chgData name="Laizet, Sebastien" userId="4c329518-9e12-4f6b-8afa-9dbe60ec0c36" providerId="ADAL" clId="{62EF9582-67D8-4837-9BC7-E30B81B5C308}" dt="2023-09-08T22:10:44.643" v="3027" actId="478"/>
          <ac:picMkLst>
            <pc:docMk/>
            <pc:sldMk cId="3638666264" sldId="998"/>
            <ac:picMk id="19" creationId="{43E55934-5AEC-4F72-93EF-2883E6B4193C}"/>
          </ac:picMkLst>
        </pc:picChg>
      </pc:sldChg>
      <pc:sldChg chg="add del">
        <pc:chgData name="Laizet, Sebastien" userId="4c329518-9e12-4f6b-8afa-9dbe60ec0c36" providerId="ADAL" clId="{62EF9582-67D8-4837-9BC7-E30B81B5C308}" dt="2023-09-08T22:27:17.616" v="3223" actId="47"/>
        <pc:sldMkLst>
          <pc:docMk/>
          <pc:sldMk cId="2186011457" sldId="999"/>
        </pc:sldMkLst>
      </pc:sldChg>
      <pc:sldChg chg="addSp delSp modSp mod">
        <pc:chgData name="Laizet, Sebastien" userId="4c329518-9e12-4f6b-8afa-9dbe60ec0c36" providerId="ADAL" clId="{62EF9582-67D8-4837-9BC7-E30B81B5C308}" dt="2023-09-13T20:15:45.061" v="6837" actId="21"/>
        <pc:sldMkLst>
          <pc:docMk/>
          <pc:sldMk cId="3769171270" sldId="1000"/>
        </pc:sldMkLst>
        <pc:spChg chg="mod">
          <ac:chgData name="Laizet, Sebastien" userId="4c329518-9e12-4f6b-8afa-9dbe60ec0c36" providerId="ADAL" clId="{62EF9582-67D8-4837-9BC7-E30B81B5C308}" dt="2023-09-13T20:15:10.851" v="6836" actId="20577"/>
          <ac:spMkLst>
            <pc:docMk/>
            <pc:sldMk cId="3769171270" sldId="1000"/>
            <ac:spMk id="4" creationId="{22D864BE-226A-797B-486C-A045AE43AB3D}"/>
          </ac:spMkLst>
        </pc:spChg>
        <pc:spChg chg="add del mod">
          <ac:chgData name="Laizet, Sebastien" userId="4c329518-9e12-4f6b-8afa-9dbe60ec0c36" providerId="ADAL" clId="{62EF9582-67D8-4837-9BC7-E30B81B5C308}" dt="2023-09-13T20:15:45.061" v="6837" actId="21"/>
          <ac:spMkLst>
            <pc:docMk/>
            <pc:sldMk cId="3769171270" sldId="1000"/>
            <ac:spMk id="5" creationId="{89CA4A7B-65C1-116F-95E5-E7875B907229}"/>
          </ac:spMkLst>
        </pc:spChg>
      </pc:sldChg>
      <pc:sldChg chg="modSp mod">
        <pc:chgData name="Laizet, Sebastien" userId="4c329518-9e12-4f6b-8afa-9dbe60ec0c36" providerId="ADAL" clId="{62EF9582-67D8-4837-9BC7-E30B81B5C308}" dt="2023-09-12T23:17:11.786" v="5755" actId="1076"/>
        <pc:sldMkLst>
          <pc:docMk/>
          <pc:sldMk cId="1917534239" sldId="1001"/>
        </pc:sldMkLst>
        <pc:spChg chg="mod">
          <ac:chgData name="Laizet, Sebastien" userId="4c329518-9e12-4f6b-8afa-9dbe60ec0c36" providerId="ADAL" clId="{62EF9582-67D8-4837-9BC7-E30B81B5C308}" dt="2023-09-08T22:36:04.922" v="3898" actId="20577"/>
          <ac:spMkLst>
            <pc:docMk/>
            <pc:sldMk cId="1917534239" sldId="1001"/>
            <ac:spMk id="6" creationId="{FCD5361C-D00F-4879-8EDF-324E13BF88BD}"/>
          </ac:spMkLst>
        </pc:spChg>
        <pc:spChg chg="mod">
          <ac:chgData name="Laizet, Sebastien" userId="4c329518-9e12-4f6b-8afa-9dbe60ec0c36" providerId="ADAL" clId="{62EF9582-67D8-4837-9BC7-E30B81B5C308}" dt="2023-09-08T22:40:19.792" v="3947" actId="20577"/>
          <ac:spMkLst>
            <pc:docMk/>
            <pc:sldMk cId="1917534239" sldId="1001"/>
            <ac:spMk id="7" creationId="{514A21CA-19BD-496D-9E99-2F78AA6E4B22}"/>
          </ac:spMkLst>
        </pc:spChg>
        <pc:spChg chg="mod">
          <ac:chgData name="Laizet, Sebastien" userId="4c329518-9e12-4f6b-8afa-9dbe60ec0c36" providerId="ADAL" clId="{62EF9582-67D8-4837-9BC7-E30B81B5C308}" dt="2023-09-08T22:41:18.009" v="3959" actId="20577"/>
          <ac:spMkLst>
            <pc:docMk/>
            <pc:sldMk cId="1917534239" sldId="1001"/>
            <ac:spMk id="10" creationId="{DBE87E56-4915-41ED-91F3-4057C979C0C4}"/>
          </ac:spMkLst>
        </pc:spChg>
        <pc:spChg chg="mod">
          <ac:chgData name="Laizet, Sebastien" userId="4c329518-9e12-4f6b-8afa-9dbe60ec0c36" providerId="ADAL" clId="{62EF9582-67D8-4837-9BC7-E30B81B5C308}" dt="2023-09-12T23:16:55.182" v="5752" actId="1076"/>
          <ac:spMkLst>
            <pc:docMk/>
            <pc:sldMk cId="1917534239" sldId="1001"/>
            <ac:spMk id="12" creationId="{7CED45A1-5433-4D92-81E1-E2CC86AA9FAF}"/>
          </ac:spMkLst>
        </pc:spChg>
        <pc:spChg chg="mod">
          <ac:chgData name="Laizet, Sebastien" userId="4c329518-9e12-4f6b-8afa-9dbe60ec0c36" providerId="ADAL" clId="{62EF9582-67D8-4837-9BC7-E30B81B5C308}" dt="2023-09-12T23:17:07.393" v="5754" actId="1076"/>
          <ac:spMkLst>
            <pc:docMk/>
            <pc:sldMk cId="1917534239" sldId="1001"/>
            <ac:spMk id="13" creationId="{BF384C64-C57E-4526-9D8C-DFC37ABED548}"/>
          </ac:spMkLst>
        </pc:spChg>
        <pc:spChg chg="mod">
          <ac:chgData name="Laizet, Sebastien" userId="4c329518-9e12-4f6b-8afa-9dbe60ec0c36" providerId="ADAL" clId="{62EF9582-67D8-4837-9BC7-E30B81B5C308}" dt="2023-09-12T23:17:11.786" v="5755" actId="1076"/>
          <ac:spMkLst>
            <pc:docMk/>
            <pc:sldMk cId="1917534239" sldId="1001"/>
            <ac:spMk id="14" creationId="{06B52E4B-A64B-4662-98F2-0E0136ACC0E3}"/>
          </ac:spMkLst>
        </pc:spChg>
        <pc:spChg chg="mod">
          <ac:chgData name="Laizet, Sebastien" userId="4c329518-9e12-4f6b-8afa-9dbe60ec0c36" providerId="ADAL" clId="{62EF9582-67D8-4837-9BC7-E30B81B5C308}" dt="2023-09-12T23:17:00.858" v="5753" actId="1076"/>
          <ac:spMkLst>
            <pc:docMk/>
            <pc:sldMk cId="1917534239" sldId="1001"/>
            <ac:spMk id="15" creationId="{AA2AB758-A65F-43E4-8579-980177351DFA}"/>
          </ac:spMkLst>
        </pc:spChg>
      </pc:sldChg>
      <pc:sldChg chg="addSp delSp modSp mod">
        <pc:chgData name="Laizet, Sebastien" userId="4c329518-9e12-4f6b-8afa-9dbe60ec0c36" providerId="ADAL" clId="{62EF9582-67D8-4837-9BC7-E30B81B5C308}" dt="2023-09-14T19:54:23.644" v="8809" actId="21"/>
        <pc:sldMkLst>
          <pc:docMk/>
          <pc:sldMk cId="3034687750" sldId="1002"/>
        </pc:sldMkLst>
        <pc:spChg chg="mod">
          <ac:chgData name="Laizet, Sebastien" userId="4c329518-9e12-4f6b-8afa-9dbe60ec0c36" providerId="ADAL" clId="{62EF9582-67D8-4837-9BC7-E30B81B5C308}" dt="2023-09-10T12:02:27.050" v="4684" actId="27636"/>
          <ac:spMkLst>
            <pc:docMk/>
            <pc:sldMk cId="3034687750" sldId="1002"/>
            <ac:spMk id="5" creationId="{0030C434-AE49-FE25-4A5D-9C623941F4D5}"/>
          </ac:spMkLst>
        </pc:spChg>
        <pc:picChg chg="add del mod">
          <ac:chgData name="Laizet, Sebastien" userId="4c329518-9e12-4f6b-8afa-9dbe60ec0c36" providerId="ADAL" clId="{62EF9582-67D8-4837-9BC7-E30B81B5C308}" dt="2023-09-14T19:54:23.644" v="8809" actId="21"/>
          <ac:picMkLst>
            <pc:docMk/>
            <pc:sldMk cId="3034687750" sldId="1002"/>
            <ac:picMk id="6" creationId="{25F57122-69F0-6580-9407-03076ED368CF}"/>
          </ac:picMkLst>
        </pc:picChg>
        <pc:picChg chg="add del mod">
          <ac:chgData name="Laizet, Sebastien" userId="4c329518-9e12-4f6b-8afa-9dbe60ec0c36" providerId="ADAL" clId="{62EF9582-67D8-4837-9BC7-E30B81B5C308}" dt="2023-09-14T19:54:16.782" v="8808" actId="478"/>
          <ac:picMkLst>
            <pc:docMk/>
            <pc:sldMk cId="3034687750" sldId="1002"/>
            <ac:picMk id="8" creationId="{B92ACD1D-BD8E-8E5D-F86E-7563F2C52614}"/>
          </ac:picMkLst>
        </pc:picChg>
        <pc:picChg chg="add del mod">
          <ac:chgData name="Laizet, Sebastien" userId="4c329518-9e12-4f6b-8afa-9dbe60ec0c36" providerId="ADAL" clId="{62EF9582-67D8-4837-9BC7-E30B81B5C308}" dt="2023-09-14T19:53:58.393" v="8805" actId="478"/>
          <ac:picMkLst>
            <pc:docMk/>
            <pc:sldMk cId="3034687750" sldId="1002"/>
            <ac:picMk id="10" creationId="{C8770F90-59B6-C3E4-DD2D-9A6C5E8E64F9}"/>
          </ac:picMkLst>
        </pc:picChg>
      </pc:sldChg>
      <pc:sldChg chg="delSp del mod">
        <pc:chgData name="Laizet, Sebastien" userId="4c329518-9e12-4f6b-8afa-9dbe60ec0c36" providerId="ADAL" clId="{62EF9582-67D8-4837-9BC7-E30B81B5C308}" dt="2023-09-08T23:07:42.317" v="4641" actId="47"/>
        <pc:sldMkLst>
          <pc:docMk/>
          <pc:sldMk cId="3274675589" sldId="1002"/>
        </pc:sldMkLst>
        <pc:picChg chg="del">
          <ac:chgData name="Laizet, Sebastien" userId="4c329518-9e12-4f6b-8afa-9dbe60ec0c36" providerId="ADAL" clId="{62EF9582-67D8-4837-9BC7-E30B81B5C308}" dt="2023-09-08T23:04:46.409" v="4545" actId="478"/>
          <ac:picMkLst>
            <pc:docMk/>
            <pc:sldMk cId="3274675589" sldId="1002"/>
            <ac:picMk id="9" creationId="{A4159A7A-DBE7-4553-8A24-33B6EF5B8BFB}"/>
          </ac:picMkLst>
        </pc:picChg>
      </pc:sldChg>
      <pc:sldChg chg="modSp del mod">
        <pc:chgData name="Laizet, Sebastien" userId="4c329518-9e12-4f6b-8afa-9dbe60ec0c36" providerId="ADAL" clId="{62EF9582-67D8-4837-9BC7-E30B81B5C308}" dt="2023-09-19T19:57:53.922" v="13059" actId="47"/>
        <pc:sldMkLst>
          <pc:docMk/>
          <pc:sldMk cId="475587959" sldId="1003"/>
        </pc:sldMkLst>
        <pc:grpChg chg="mod">
          <ac:chgData name="Laizet, Sebastien" userId="4c329518-9e12-4f6b-8afa-9dbe60ec0c36" providerId="ADAL" clId="{62EF9582-67D8-4837-9BC7-E30B81B5C308}" dt="2023-09-13T21:45:18.004" v="7241" actId="1076"/>
          <ac:grpSpMkLst>
            <pc:docMk/>
            <pc:sldMk cId="475587959" sldId="1003"/>
            <ac:grpSpMk id="35" creationId="{92BC1337-AB45-3C80-0242-857CA8E09E35}"/>
          </ac:grpSpMkLst>
        </pc:grpChg>
      </pc:sldChg>
      <pc:sldChg chg="addSp delSp modSp del mod ord">
        <pc:chgData name="Laizet, Sebastien" userId="4c329518-9e12-4f6b-8afa-9dbe60ec0c36" providerId="ADAL" clId="{62EF9582-67D8-4837-9BC7-E30B81B5C308}" dt="2023-09-12T23:10:30.923" v="5549" actId="47"/>
        <pc:sldMkLst>
          <pc:docMk/>
          <pc:sldMk cId="1196501431" sldId="1004"/>
        </pc:sldMkLst>
        <pc:spChg chg="del mod">
          <ac:chgData name="Laizet, Sebastien" userId="4c329518-9e12-4f6b-8afa-9dbe60ec0c36" providerId="ADAL" clId="{62EF9582-67D8-4837-9BC7-E30B81B5C308}" dt="2023-09-12T22:43:42.144" v="5401" actId="478"/>
          <ac:spMkLst>
            <pc:docMk/>
            <pc:sldMk cId="1196501431" sldId="1004"/>
            <ac:spMk id="3" creationId="{2BC0A933-F894-4DAC-AAF0-984392397DA3}"/>
          </ac:spMkLst>
        </pc:spChg>
        <pc:spChg chg="add del mod">
          <ac:chgData name="Laizet, Sebastien" userId="4c329518-9e12-4f6b-8afa-9dbe60ec0c36" providerId="ADAL" clId="{62EF9582-67D8-4837-9BC7-E30B81B5C308}" dt="2023-09-12T22:43:48.053" v="5402" actId="478"/>
          <ac:spMkLst>
            <pc:docMk/>
            <pc:sldMk cId="1196501431" sldId="1004"/>
            <ac:spMk id="7" creationId="{A769A30B-1C3B-F780-FC3E-8F144F09DE24}"/>
          </ac:spMkLst>
        </pc:spChg>
        <pc:spChg chg="del">
          <ac:chgData name="Laizet, Sebastien" userId="4c329518-9e12-4f6b-8afa-9dbe60ec0c36" providerId="ADAL" clId="{62EF9582-67D8-4837-9BC7-E30B81B5C308}" dt="2023-09-12T22:40:39.062" v="5391" actId="478"/>
          <ac:spMkLst>
            <pc:docMk/>
            <pc:sldMk cId="1196501431" sldId="1004"/>
            <ac:spMk id="12" creationId="{A2D8D4A4-82E4-4579-8550-614EB49C8D7D}"/>
          </ac:spMkLst>
        </pc:spChg>
        <pc:picChg chg="add mod">
          <ac:chgData name="Laizet, Sebastien" userId="4c329518-9e12-4f6b-8afa-9dbe60ec0c36" providerId="ADAL" clId="{62EF9582-67D8-4837-9BC7-E30B81B5C308}" dt="2023-09-12T22:45:35.762" v="5414" actId="1076"/>
          <ac:picMkLst>
            <pc:docMk/>
            <pc:sldMk cId="1196501431" sldId="1004"/>
            <ac:picMk id="4" creationId="{55B77C5F-02F1-B068-8B09-7BB0E5E14436}"/>
          </ac:picMkLst>
        </pc:picChg>
        <pc:picChg chg="add del mod">
          <ac:chgData name="Laizet, Sebastien" userId="4c329518-9e12-4f6b-8afa-9dbe60ec0c36" providerId="ADAL" clId="{62EF9582-67D8-4837-9BC7-E30B81B5C308}" dt="2023-09-12T22:45:06.321" v="5409" actId="478"/>
          <ac:picMkLst>
            <pc:docMk/>
            <pc:sldMk cId="1196501431" sldId="1004"/>
            <ac:picMk id="9" creationId="{354FBF56-F9C4-E207-213F-022778B4718B}"/>
          </ac:picMkLst>
        </pc:picChg>
      </pc:sldChg>
      <pc:sldChg chg="addSp delSp modSp del mod">
        <pc:chgData name="Laizet, Sebastien" userId="4c329518-9e12-4f6b-8afa-9dbe60ec0c36" providerId="ADAL" clId="{62EF9582-67D8-4837-9BC7-E30B81B5C308}" dt="2023-09-12T23:06:05.208" v="5513" actId="47"/>
        <pc:sldMkLst>
          <pc:docMk/>
          <pc:sldMk cId="3646288349" sldId="1005"/>
        </pc:sldMkLst>
        <pc:spChg chg="del">
          <ac:chgData name="Laizet, Sebastien" userId="4c329518-9e12-4f6b-8afa-9dbe60ec0c36" providerId="ADAL" clId="{62EF9582-67D8-4837-9BC7-E30B81B5C308}" dt="2023-09-12T22:40:45.689" v="5392" actId="478"/>
          <ac:spMkLst>
            <pc:docMk/>
            <pc:sldMk cId="3646288349" sldId="1005"/>
            <ac:spMk id="12" creationId="{A2D8D4A4-82E4-4579-8550-614EB49C8D7D}"/>
          </ac:spMkLst>
        </pc:spChg>
        <pc:picChg chg="add mod">
          <ac:chgData name="Laizet, Sebastien" userId="4c329518-9e12-4f6b-8afa-9dbe60ec0c36" providerId="ADAL" clId="{62EF9582-67D8-4837-9BC7-E30B81B5C308}" dt="2023-09-12T22:45:30.988" v="5413" actId="1076"/>
          <ac:picMkLst>
            <pc:docMk/>
            <pc:sldMk cId="3646288349" sldId="1005"/>
            <ac:picMk id="2" creationId="{9B3E7932-BC9A-55B8-BAED-C9E66DF091AF}"/>
          </ac:picMkLst>
        </pc:picChg>
      </pc:sldChg>
      <pc:sldChg chg="addSp delSp modSp mod ord">
        <pc:chgData name="Laizet, Sebastien" userId="4c329518-9e12-4f6b-8afa-9dbe60ec0c36" providerId="ADAL" clId="{62EF9582-67D8-4837-9BC7-E30B81B5C308}" dt="2023-09-12T23:09:57.366" v="5543"/>
        <pc:sldMkLst>
          <pc:docMk/>
          <pc:sldMk cId="875541266" sldId="1006"/>
        </pc:sldMkLst>
        <pc:spChg chg="del">
          <ac:chgData name="Laizet, Sebastien" userId="4c329518-9e12-4f6b-8afa-9dbe60ec0c36" providerId="ADAL" clId="{62EF9582-67D8-4837-9BC7-E30B81B5C308}" dt="2023-09-12T22:40:50.498" v="5393" actId="478"/>
          <ac:spMkLst>
            <pc:docMk/>
            <pc:sldMk cId="875541266" sldId="1006"/>
            <ac:spMk id="12" creationId="{A2D8D4A4-82E4-4579-8550-614EB49C8D7D}"/>
          </ac:spMkLst>
        </pc:spChg>
        <pc:picChg chg="add mod">
          <ac:chgData name="Laizet, Sebastien" userId="4c329518-9e12-4f6b-8afa-9dbe60ec0c36" providerId="ADAL" clId="{62EF9582-67D8-4837-9BC7-E30B81B5C308}" dt="2023-09-12T23:05:46.803" v="5509" actId="1076"/>
          <ac:picMkLst>
            <pc:docMk/>
            <pc:sldMk cId="875541266" sldId="1006"/>
            <ac:picMk id="4" creationId="{FC0C1D7C-F31A-0F1B-932A-68D9ADADCE94}"/>
          </ac:picMkLst>
        </pc:picChg>
        <pc:picChg chg="add mod">
          <ac:chgData name="Laizet, Sebastien" userId="4c329518-9e12-4f6b-8afa-9dbe60ec0c36" providerId="ADAL" clId="{62EF9582-67D8-4837-9BC7-E30B81B5C308}" dt="2023-09-12T23:06:01.906" v="5512" actId="1076"/>
          <ac:picMkLst>
            <pc:docMk/>
            <pc:sldMk cId="875541266" sldId="1006"/>
            <ac:picMk id="5" creationId="{A7A6DCB3-F7B9-A69F-2EC6-CF1D4934F803}"/>
          </ac:picMkLst>
        </pc:picChg>
      </pc:sldChg>
      <pc:sldChg chg="addSp delSp modSp mod ord">
        <pc:chgData name="Laizet, Sebastien" userId="4c329518-9e12-4f6b-8afa-9dbe60ec0c36" providerId="ADAL" clId="{62EF9582-67D8-4837-9BC7-E30B81B5C308}" dt="2023-09-14T23:24:39.198" v="10545" actId="1076"/>
        <pc:sldMkLst>
          <pc:docMk/>
          <pc:sldMk cId="1525577985" sldId="1007"/>
        </pc:sldMkLst>
        <pc:spChg chg="del">
          <ac:chgData name="Laizet, Sebastien" userId="4c329518-9e12-4f6b-8afa-9dbe60ec0c36" providerId="ADAL" clId="{62EF9582-67D8-4837-9BC7-E30B81B5C308}" dt="2023-09-12T22:40:58.316" v="5394" actId="478"/>
          <ac:spMkLst>
            <pc:docMk/>
            <pc:sldMk cId="1525577985" sldId="1007"/>
            <ac:spMk id="12" creationId="{A2D8D4A4-82E4-4579-8550-614EB49C8D7D}"/>
          </ac:spMkLst>
        </pc:spChg>
        <pc:picChg chg="add del mod">
          <ac:chgData name="Laizet, Sebastien" userId="4c329518-9e12-4f6b-8afa-9dbe60ec0c36" providerId="ADAL" clId="{62EF9582-67D8-4837-9BC7-E30B81B5C308}" dt="2023-09-14T23:22:15.605" v="10520" actId="478"/>
          <ac:picMkLst>
            <pc:docMk/>
            <pc:sldMk cId="1525577985" sldId="1007"/>
            <ac:picMk id="4" creationId="{E9EAEEA8-2DF9-BDC9-F61D-7BDD3B4BEB43}"/>
          </ac:picMkLst>
        </pc:picChg>
        <pc:picChg chg="add mod">
          <ac:chgData name="Laizet, Sebastien" userId="4c329518-9e12-4f6b-8afa-9dbe60ec0c36" providerId="ADAL" clId="{62EF9582-67D8-4837-9BC7-E30B81B5C308}" dt="2023-09-14T23:24:37.234" v="10544" actId="1076"/>
          <ac:picMkLst>
            <pc:docMk/>
            <pc:sldMk cId="1525577985" sldId="1007"/>
            <ac:picMk id="5" creationId="{A542B6A4-DB68-3C02-A845-3879EDD05C36}"/>
          </ac:picMkLst>
        </pc:picChg>
        <pc:picChg chg="add mod">
          <ac:chgData name="Laizet, Sebastien" userId="4c329518-9e12-4f6b-8afa-9dbe60ec0c36" providerId="ADAL" clId="{62EF9582-67D8-4837-9BC7-E30B81B5C308}" dt="2023-09-14T23:24:39.198" v="10545" actId="1076"/>
          <ac:picMkLst>
            <pc:docMk/>
            <pc:sldMk cId="1525577985" sldId="1007"/>
            <ac:picMk id="7" creationId="{4E3E4BE5-ED62-E39A-AC6B-A98FCD0C604E}"/>
          </ac:picMkLst>
        </pc:picChg>
        <pc:picChg chg="add mod">
          <ac:chgData name="Laizet, Sebastien" userId="4c329518-9e12-4f6b-8afa-9dbe60ec0c36" providerId="ADAL" clId="{62EF9582-67D8-4837-9BC7-E30B81B5C308}" dt="2023-09-12T23:08:49.622" v="5539" actId="1076"/>
          <ac:picMkLst>
            <pc:docMk/>
            <pc:sldMk cId="1525577985" sldId="1007"/>
            <ac:picMk id="8" creationId="{73C58F48-513B-8015-6C2D-2542414D0554}"/>
          </ac:picMkLst>
        </pc:picChg>
      </pc:sldChg>
      <pc:sldChg chg="addSp delSp modSp del mod ord">
        <pc:chgData name="Laizet, Sebastien" userId="4c329518-9e12-4f6b-8afa-9dbe60ec0c36" providerId="ADAL" clId="{62EF9582-67D8-4837-9BC7-E30B81B5C308}" dt="2023-09-12T23:02:34.548" v="5489" actId="47"/>
        <pc:sldMkLst>
          <pc:docMk/>
          <pc:sldMk cId="3241030833" sldId="1008"/>
        </pc:sldMkLst>
        <pc:spChg chg="del">
          <ac:chgData name="Laizet, Sebastien" userId="4c329518-9e12-4f6b-8afa-9dbe60ec0c36" providerId="ADAL" clId="{62EF9582-67D8-4837-9BC7-E30B81B5C308}" dt="2023-09-12T22:41:02.611" v="5395" actId="478"/>
          <ac:spMkLst>
            <pc:docMk/>
            <pc:sldMk cId="3241030833" sldId="1008"/>
            <ac:spMk id="12" creationId="{A2D8D4A4-82E4-4579-8550-614EB49C8D7D}"/>
          </ac:spMkLst>
        </pc:spChg>
        <pc:picChg chg="add mod">
          <ac:chgData name="Laizet, Sebastien" userId="4c329518-9e12-4f6b-8afa-9dbe60ec0c36" providerId="ADAL" clId="{62EF9582-67D8-4837-9BC7-E30B81B5C308}" dt="2023-09-12T22:48:53.179" v="5423" actId="1076"/>
          <ac:picMkLst>
            <pc:docMk/>
            <pc:sldMk cId="3241030833" sldId="1008"/>
            <ac:picMk id="4" creationId="{357DC10D-4149-898E-C968-E56F84326F4B}"/>
          </ac:picMkLst>
        </pc:picChg>
      </pc:sldChg>
      <pc:sldChg chg="addSp delSp modSp del mod">
        <pc:chgData name="Laizet, Sebastien" userId="4c329518-9e12-4f6b-8afa-9dbe60ec0c36" providerId="ADAL" clId="{62EF9582-67D8-4837-9BC7-E30B81B5C308}" dt="2023-09-12T23:10:49.630" v="5552" actId="47"/>
        <pc:sldMkLst>
          <pc:docMk/>
          <pc:sldMk cId="3178325492" sldId="1009"/>
        </pc:sldMkLst>
        <pc:spChg chg="del">
          <ac:chgData name="Laizet, Sebastien" userId="4c329518-9e12-4f6b-8afa-9dbe60ec0c36" providerId="ADAL" clId="{62EF9582-67D8-4837-9BC7-E30B81B5C308}" dt="2023-09-12T22:41:06.724" v="5396" actId="478"/>
          <ac:spMkLst>
            <pc:docMk/>
            <pc:sldMk cId="3178325492" sldId="1009"/>
            <ac:spMk id="12" creationId="{A2D8D4A4-82E4-4579-8550-614EB49C8D7D}"/>
          </ac:spMkLst>
        </pc:spChg>
        <pc:picChg chg="add mod">
          <ac:chgData name="Laizet, Sebastien" userId="4c329518-9e12-4f6b-8afa-9dbe60ec0c36" providerId="ADAL" clId="{62EF9582-67D8-4837-9BC7-E30B81B5C308}" dt="2023-09-12T22:49:37.972" v="5427" actId="1076"/>
          <ac:picMkLst>
            <pc:docMk/>
            <pc:sldMk cId="3178325492" sldId="1009"/>
            <ac:picMk id="4" creationId="{1D123DCA-F1BD-4531-7F0B-2921B0208B70}"/>
          </ac:picMkLst>
        </pc:picChg>
      </pc:sldChg>
      <pc:sldChg chg="addSp delSp modSp mod ord">
        <pc:chgData name="Laizet, Sebastien" userId="4c329518-9e12-4f6b-8afa-9dbe60ec0c36" providerId="ADAL" clId="{62EF9582-67D8-4837-9BC7-E30B81B5C308}" dt="2023-09-14T23:25:02.975" v="10551" actId="14100"/>
        <pc:sldMkLst>
          <pc:docMk/>
          <pc:sldMk cId="3339483961" sldId="1010"/>
        </pc:sldMkLst>
        <pc:picChg chg="add del mod">
          <ac:chgData name="Laizet, Sebastien" userId="4c329518-9e12-4f6b-8afa-9dbe60ec0c36" providerId="ADAL" clId="{62EF9582-67D8-4837-9BC7-E30B81B5C308}" dt="2023-09-14T23:22:19.852" v="10522" actId="478"/>
          <ac:picMkLst>
            <pc:docMk/>
            <pc:sldMk cId="3339483961" sldId="1010"/>
            <ac:picMk id="3" creationId="{C5EB9122-E019-DA7A-F880-254A6DCA7510}"/>
          </ac:picMkLst>
        </pc:picChg>
        <pc:picChg chg="del">
          <ac:chgData name="Laizet, Sebastien" userId="4c329518-9e12-4f6b-8afa-9dbe60ec0c36" providerId="ADAL" clId="{62EF9582-67D8-4837-9BC7-E30B81B5C308}" dt="2023-09-12T22:49:52.386" v="5428" actId="478"/>
          <ac:picMkLst>
            <pc:docMk/>
            <pc:sldMk cId="3339483961" sldId="1010"/>
            <ac:picMk id="4" creationId="{55B77C5F-02F1-B068-8B09-7BB0E5E14436}"/>
          </ac:picMkLst>
        </pc:picChg>
        <pc:picChg chg="add mod">
          <ac:chgData name="Laizet, Sebastien" userId="4c329518-9e12-4f6b-8afa-9dbe60ec0c36" providerId="ADAL" clId="{62EF9582-67D8-4837-9BC7-E30B81B5C308}" dt="2023-09-14T23:25:02.975" v="10551" actId="14100"/>
          <ac:picMkLst>
            <pc:docMk/>
            <pc:sldMk cId="3339483961" sldId="1010"/>
            <ac:picMk id="5" creationId="{A9F3C16E-F013-E0FC-BAE3-B5471DD4D24A}"/>
          </ac:picMkLst>
        </pc:picChg>
        <pc:picChg chg="add mod">
          <ac:chgData name="Laizet, Sebastien" userId="4c329518-9e12-4f6b-8afa-9dbe60ec0c36" providerId="ADAL" clId="{62EF9582-67D8-4837-9BC7-E30B81B5C308}" dt="2023-09-14T23:24:55.603" v="10548" actId="1076"/>
          <ac:picMkLst>
            <pc:docMk/>
            <pc:sldMk cId="3339483961" sldId="1010"/>
            <ac:picMk id="7" creationId="{0203D71C-C9A2-DE48-30D8-A2386B7DB374}"/>
          </ac:picMkLst>
        </pc:picChg>
      </pc:sldChg>
      <pc:sldChg chg="addSp delSp modSp mod">
        <pc:chgData name="Laizet, Sebastien" userId="4c329518-9e12-4f6b-8afa-9dbe60ec0c36" providerId="ADAL" clId="{62EF9582-67D8-4837-9BC7-E30B81B5C308}" dt="2023-09-15T22:40:35.112" v="12527" actId="478"/>
        <pc:sldMkLst>
          <pc:docMk/>
          <pc:sldMk cId="3732374325" sldId="1011"/>
        </pc:sldMkLst>
        <pc:graphicFrameChg chg="del">
          <ac:chgData name="Laizet, Sebastien" userId="4c329518-9e12-4f6b-8afa-9dbe60ec0c36" providerId="ADAL" clId="{62EF9582-67D8-4837-9BC7-E30B81B5C308}" dt="2023-09-15T22:40:35.112" v="12527" actId="478"/>
          <ac:graphicFrameMkLst>
            <pc:docMk/>
            <pc:sldMk cId="3732374325" sldId="1011"/>
            <ac:graphicFrameMk id="2" creationId="{F46E9008-8C3F-0635-DEA8-F36EA109620F}"/>
          </ac:graphicFrameMkLst>
        </pc:graphicFrameChg>
        <pc:picChg chg="add mod">
          <ac:chgData name="Laizet, Sebastien" userId="4c329518-9e12-4f6b-8afa-9dbe60ec0c36" providerId="ADAL" clId="{62EF9582-67D8-4837-9BC7-E30B81B5C308}" dt="2023-09-12T22:58:58.692" v="5471" actId="1076"/>
          <ac:picMkLst>
            <pc:docMk/>
            <pc:sldMk cId="3732374325" sldId="1011"/>
            <ac:picMk id="3" creationId="{E3AB0F5F-0FCA-D2C1-1142-2EF58322C647}"/>
          </ac:picMkLst>
        </pc:picChg>
      </pc:sldChg>
      <pc:sldChg chg="addSp modSp mod">
        <pc:chgData name="Laizet, Sebastien" userId="4c329518-9e12-4f6b-8afa-9dbe60ec0c36" providerId="ADAL" clId="{62EF9582-67D8-4837-9BC7-E30B81B5C308}" dt="2023-09-12T22:58:09.322" v="5466" actId="14100"/>
        <pc:sldMkLst>
          <pc:docMk/>
          <pc:sldMk cId="706040387" sldId="1012"/>
        </pc:sldMkLst>
        <pc:picChg chg="add mod">
          <ac:chgData name="Laizet, Sebastien" userId="4c329518-9e12-4f6b-8afa-9dbe60ec0c36" providerId="ADAL" clId="{62EF9582-67D8-4837-9BC7-E30B81B5C308}" dt="2023-09-12T22:58:09.322" v="5466" actId="14100"/>
          <ac:picMkLst>
            <pc:docMk/>
            <pc:sldMk cId="706040387" sldId="1012"/>
            <ac:picMk id="3" creationId="{3DFB17C6-5DC4-9D9A-27D7-A13EFB46B782}"/>
          </ac:picMkLst>
        </pc:picChg>
      </pc:sldChg>
      <pc:sldChg chg="addSp modSp mod">
        <pc:chgData name="Laizet, Sebastien" userId="4c329518-9e12-4f6b-8afa-9dbe60ec0c36" providerId="ADAL" clId="{62EF9582-67D8-4837-9BC7-E30B81B5C308}" dt="2023-09-12T22:57:30.055" v="5462" actId="14100"/>
        <pc:sldMkLst>
          <pc:docMk/>
          <pc:sldMk cId="3492888826" sldId="1013"/>
        </pc:sldMkLst>
        <pc:picChg chg="add mod">
          <ac:chgData name="Laizet, Sebastien" userId="4c329518-9e12-4f6b-8afa-9dbe60ec0c36" providerId="ADAL" clId="{62EF9582-67D8-4837-9BC7-E30B81B5C308}" dt="2023-09-12T22:57:30.055" v="5462" actId="14100"/>
          <ac:picMkLst>
            <pc:docMk/>
            <pc:sldMk cId="3492888826" sldId="1013"/>
            <ac:picMk id="3" creationId="{2B1D8958-0FFA-1559-599D-250E1F767F58}"/>
          </ac:picMkLst>
        </pc:picChg>
      </pc:sldChg>
      <pc:sldChg chg="addSp modSp mod ord">
        <pc:chgData name="Laizet, Sebastien" userId="4c329518-9e12-4f6b-8afa-9dbe60ec0c36" providerId="ADAL" clId="{62EF9582-67D8-4837-9BC7-E30B81B5C308}" dt="2023-09-12T22:59:09.103" v="5473"/>
        <pc:sldMkLst>
          <pc:docMk/>
          <pc:sldMk cId="1408624873" sldId="1014"/>
        </pc:sldMkLst>
        <pc:picChg chg="add mod">
          <ac:chgData name="Laizet, Sebastien" userId="4c329518-9e12-4f6b-8afa-9dbe60ec0c36" providerId="ADAL" clId="{62EF9582-67D8-4837-9BC7-E30B81B5C308}" dt="2023-09-12T22:56:32.759" v="5457" actId="1076"/>
          <ac:picMkLst>
            <pc:docMk/>
            <pc:sldMk cId="1408624873" sldId="1014"/>
            <ac:picMk id="3" creationId="{8596E648-B2A1-6EB8-71D4-E095FD45B35C}"/>
          </ac:picMkLst>
        </pc:picChg>
      </pc:sldChg>
      <pc:sldChg chg="addSp modSp mod">
        <pc:chgData name="Laizet, Sebastien" userId="4c329518-9e12-4f6b-8afa-9dbe60ec0c36" providerId="ADAL" clId="{62EF9582-67D8-4837-9BC7-E30B81B5C308}" dt="2023-09-12T22:55:46.401" v="5453" actId="14100"/>
        <pc:sldMkLst>
          <pc:docMk/>
          <pc:sldMk cId="176846048" sldId="1015"/>
        </pc:sldMkLst>
        <pc:picChg chg="add mod">
          <ac:chgData name="Laizet, Sebastien" userId="4c329518-9e12-4f6b-8afa-9dbe60ec0c36" providerId="ADAL" clId="{62EF9582-67D8-4837-9BC7-E30B81B5C308}" dt="2023-09-12T22:55:46.401" v="5453" actId="14100"/>
          <ac:picMkLst>
            <pc:docMk/>
            <pc:sldMk cId="176846048" sldId="1015"/>
            <ac:picMk id="3" creationId="{1DB1A16B-C269-0268-073F-0BFEFEFE22AF}"/>
          </ac:picMkLst>
        </pc:picChg>
      </pc:sldChg>
      <pc:sldChg chg="addSp modSp del mod ord">
        <pc:chgData name="Laizet, Sebastien" userId="4c329518-9e12-4f6b-8afa-9dbe60ec0c36" providerId="ADAL" clId="{62EF9582-67D8-4837-9BC7-E30B81B5C308}" dt="2023-09-12T23:08:58.958" v="5541" actId="47"/>
        <pc:sldMkLst>
          <pc:docMk/>
          <pc:sldMk cId="2981190948" sldId="1016"/>
        </pc:sldMkLst>
        <pc:picChg chg="add mod">
          <ac:chgData name="Laizet, Sebastien" userId="4c329518-9e12-4f6b-8afa-9dbe60ec0c36" providerId="ADAL" clId="{62EF9582-67D8-4837-9BC7-E30B81B5C308}" dt="2023-09-12T23:07:56.943" v="5527" actId="1076"/>
          <ac:picMkLst>
            <pc:docMk/>
            <pc:sldMk cId="2981190948" sldId="1016"/>
            <ac:picMk id="3" creationId="{817F5527-9C33-2A93-735A-7B1885249CDA}"/>
          </ac:picMkLst>
        </pc:picChg>
        <pc:picChg chg="add mod">
          <ac:chgData name="Laizet, Sebastien" userId="4c329518-9e12-4f6b-8afa-9dbe60ec0c36" providerId="ADAL" clId="{62EF9582-67D8-4837-9BC7-E30B81B5C308}" dt="2023-09-12T23:08:19.530" v="5530" actId="1076"/>
          <ac:picMkLst>
            <pc:docMk/>
            <pc:sldMk cId="2981190948" sldId="1016"/>
            <ac:picMk id="5" creationId="{424D45D2-BDFC-06CD-2098-DF1E87DD42AA}"/>
          </ac:picMkLst>
        </pc:picChg>
        <pc:picChg chg="add mod">
          <ac:chgData name="Laizet, Sebastien" userId="4c329518-9e12-4f6b-8afa-9dbe60ec0c36" providerId="ADAL" clId="{62EF9582-67D8-4837-9BC7-E30B81B5C308}" dt="2023-09-12T23:07:33.180" v="5522" actId="1076"/>
          <ac:picMkLst>
            <pc:docMk/>
            <pc:sldMk cId="2981190948" sldId="1016"/>
            <ac:picMk id="8" creationId="{2E8C81BF-5C27-BEF6-0EE0-45965D3DB952}"/>
          </ac:picMkLst>
        </pc:picChg>
      </pc:sldChg>
      <pc:sldChg chg="addSp delSp modSp del mod delAnim modAnim">
        <pc:chgData name="Laizet, Sebastien" userId="4c329518-9e12-4f6b-8afa-9dbe60ec0c36" providerId="ADAL" clId="{62EF9582-67D8-4837-9BC7-E30B81B5C308}" dt="2023-09-14T23:23:40.765" v="10539" actId="47"/>
        <pc:sldMkLst>
          <pc:docMk/>
          <pc:sldMk cId="1761894713" sldId="1017"/>
        </pc:sldMkLst>
        <pc:spChg chg="del">
          <ac:chgData name="Laizet, Sebastien" userId="4c329518-9e12-4f6b-8afa-9dbe60ec0c36" providerId="ADAL" clId="{62EF9582-67D8-4837-9BC7-E30B81B5C308}" dt="2023-09-14T23:19:47.630" v="10501" actId="478"/>
          <ac:spMkLst>
            <pc:docMk/>
            <pc:sldMk cId="1761894713" sldId="1017"/>
            <ac:spMk id="2" creationId="{C27CE463-C6C5-47E5-AF3A-1CBA14085A27}"/>
          </ac:spMkLst>
        </pc:spChg>
        <pc:spChg chg="del">
          <ac:chgData name="Laizet, Sebastien" userId="4c329518-9e12-4f6b-8afa-9dbe60ec0c36" providerId="ADAL" clId="{62EF9582-67D8-4837-9BC7-E30B81B5C308}" dt="2023-09-12T23:01:01.800" v="5477" actId="478"/>
          <ac:spMkLst>
            <pc:docMk/>
            <pc:sldMk cId="1761894713" sldId="1017"/>
            <ac:spMk id="8" creationId="{327CDDDB-632F-46E6-9F67-EBFA7E8E41EA}"/>
          </ac:spMkLst>
        </pc:spChg>
        <pc:spChg chg="del">
          <ac:chgData name="Laizet, Sebastien" userId="4c329518-9e12-4f6b-8afa-9dbe60ec0c36" providerId="ADAL" clId="{62EF9582-67D8-4837-9BC7-E30B81B5C308}" dt="2023-09-12T23:01:22.979" v="5478" actId="478"/>
          <ac:spMkLst>
            <pc:docMk/>
            <pc:sldMk cId="1761894713" sldId="1017"/>
            <ac:spMk id="11" creationId="{58E5ED4C-E4A9-4431-80BB-AC2C7FF068BA}"/>
          </ac:spMkLst>
        </pc:spChg>
        <pc:spChg chg="del">
          <ac:chgData name="Laizet, Sebastien" userId="4c329518-9e12-4f6b-8afa-9dbe60ec0c36" providerId="ADAL" clId="{62EF9582-67D8-4837-9BC7-E30B81B5C308}" dt="2023-09-14T23:19:43.702" v="10500" actId="478"/>
          <ac:spMkLst>
            <pc:docMk/>
            <pc:sldMk cId="1761894713" sldId="1017"/>
            <ac:spMk id="12" creationId="{2D48CE7F-A4E7-46B7-A699-B27216AA962E}"/>
          </ac:spMkLst>
        </pc:spChg>
        <pc:spChg chg="del">
          <ac:chgData name="Laizet, Sebastien" userId="4c329518-9e12-4f6b-8afa-9dbe60ec0c36" providerId="ADAL" clId="{62EF9582-67D8-4837-9BC7-E30B81B5C308}" dt="2023-09-12T23:01:53.374" v="5480" actId="478"/>
          <ac:spMkLst>
            <pc:docMk/>
            <pc:sldMk cId="1761894713" sldId="1017"/>
            <ac:spMk id="14" creationId="{60F48CE3-574E-4806-9B46-057F7BD68BBD}"/>
          </ac:spMkLst>
        </pc:spChg>
        <pc:picChg chg="add mod">
          <ac:chgData name="Laizet, Sebastien" userId="4c329518-9e12-4f6b-8afa-9dbe60ec0c36" providerId="ADAL" clId="{62EF9582-67D8-4837-9BC7-E30B81B5C308}" dt="2023-09-12T23:02:31.417" v="5488" actId="1076"/>
          <ac:picMkLst>
            <pc:docMk/>
            <pc:sldMk cId="1761894713" sldId="1017"/>
            <ac:picMk id="3" creationId="{A673337F-7EF8-A1C2-ADF7-9B8087F286F4}"/>
          </ac:picMkLst>
        </pc:picChg>
        <pc:picChg chg="del">
          <ac:chgData name="Laizet, Sebastien" userId="4c329518-9e12-4f6b-8afa-9dbe60ec0c36" providerId="ADAL" clId="{62EF9582-67D8-4837-9BC7-E30B81B5C308}" dt="2023-09-12T23:01:55.071" v="5481" actId="478"/>
          <ac:picMkLst>
            <pc:docMk/>
            <pc:sldMk cId="1761894713" sldId="1017"/>
            <ac:picMk id="4" creationId="{99A59DD1-F974-4523-B362-7606279078C5}"/>
          </ac:picMkLst>
        </pc:picChg>
        <pc:picChg chg="del mod">
          <ac:chgData name="Laizet, Sebastien" userId="4c329518-9e12-4f6b-8afa-9dbe60ec0c36" providerId="ADAL" clId="{62EF9582-67D8-4837-9BC7-E30B81B5C308}" dt="2023-09-12T23:00:58.021" v="5476" actId="478"/>
          <ac:picMkLst>
            <pc:docMk/>
            <pc:sldMk cId="1761894713" sldId="1017"/>
            <ac:picMk id="13" creationId="{336922AE-7161-4774-87FF-2601EFED36B0}"/>
          </ac:picMkLst>
        </pc:picChg>
        <pc:picChg chg="mod">
          <ac:chgData name="Laizet, Sebastien" userId="4c329518-9e12-4f6b-8afa-9dbe60ec0c36" providerId="ADAL" clId="{62EF9582-67D8-4837-9BC7-E30B81B5C308}" dt="2023-09-12T23:02:25.291" v="5487" actId="1076"/>
          <ac:picMkLst>
            <pc:docMk/>
            <pc:sldMk cId="1761894713" sldId="1017"/>
            <ac:picMk id="16" creationId="{52CC5A30-26BD-4972-B8C3-B9C342750311}"/>
          </ac:picMkLst>
        </pc:picChg>
      </pc:sldChg>
      <pc:sldChg chg="addSp delSp modSp mod ord delAnim modAnim">
        <pc:chgData name="Laizet, Sebastien" userId="4c329518-9e12-4f6b-8afa-9dbe60ec0c36" providerId="ADAL" clId="{62EF9582-67D8-4837-9BC7-E30B81B5C308}" dt="2023-09-15T22:13:12.749" v="12378" actId="20577"/>
        <pc:sldMkLst>
          <pc:docMk/>
          <pc:sldMk cId="4143354550" sldId="1018"/>
        </pc:sldMkLst>
        <pc:spChg chg="del mod">
          <ac:chgData name="Laizet, Sebastien" userId="4c329518-9e12-4f6b-8afa-9dbe60ec0c36" providerId="ADAL" clId="{62EF9582-67D8-4837-9BC7-E30B81B5C308}" dt="2023-09-14T18:15:40.401" v="8032" actId="478"/>
          <ac:spMkLst>
            <pc:docMk/>
            <pc:sldMk cId="4143354550" sldId="1018"/>
            <ac:spMk id="2" creationId="{C27CE463-C6C5-47E5-AF3A-1CBA14085A27}"/>
          </ac:spMkLst>
        </pc:spChg>
        <pc:spChg chg="add del mod">
          <ac:chgData name="Laizet, Sebastien" userId="4c329518-9e12-4f6b-8afa-9dbe60ec0c36" providerId="ADAL" clId="{62EF9582-67D8-4837-9BC7-E30B81B5C308}" dt="2023-09-15T22:02:20.476" v="12325" actId="478"/>
          <ac:spMkLst>
            <pc:docMk/>
            <pc:sldMk cId="4143354550" sldId="1018"/>
            <ac:spMk id="3" creationId="{4069E978-ACCA-DDBA-C517-161DBA0FF525}"/>
          </ac:spMkLst>
        </pc:spChg>
        <pc:spChg chg="add mod">
          <ac:chgData name="Laizet, Sebastien" userId="4c329518-9e12-4f6b-8afa-9dbe60ec0c36" providerId="ADAL" clId="{62EF9582-67D8-4837-9BC7-E30B81B5C308}" dt="2023-09-15T22:13:12.749" v="12378" actId="20577"/>
          <ac:spMkLst>
            <pc:docMk/>
            <pc:sldMk cId="4143354550" sldId="1018"/>
            <ac:spMk id="5" creationId="{EC068E57-0772-AD36-1012-7DC773582036}"/>
          </ac:spMkLst>
        </pc:spChg>
        <pc:spChg chg="add del mod">
          <ac:chgData name="Laizet, Sebastien" userId="4c329518-9e12-4f6b-8afa-9dbe60ec0c36" providerId="ADAL" clId="{62EF9582-67D8-4837-9BC7-E30B81B5C308}" dt="2023-09-15T21:30:58.278" v="11550" actId="478"/>
          <ac:spMkLst>
            <pc:docMk/>
            <pc:sldMk cId="4143354550" sldId="1018"/>
            <ac:spMk id="6" creationId="{B10C1E07-9111-27F6-EB0A-7F6934D81886}"/>
          </ac:spMkLst>
        </pc:spChg>
        <pc:spChg chg="add mod">
          <ac:chgData name="Laizet, Sebastien" userId="4c329518-9e12-4f6b-8afa-9dbe60ec0c36" providerId="ADAL" clId="{62EF9582-67D8-4837-9BC7-E30B81B5C308}" dt="2023-09-15T22:11:39.003" v="12377" actId="20577"/>
          <ac:spMkLst>
            <pc:docMk/>
            <pc:sldMk cId="4143354550" sldId="1018"/>
            <ac:spMk id="7" creationId="{B23E157E-0BD4-8BF1-227E-2D3E33D21C5C}"/>
          </ac:spMkLst>
        </pc:spChg>
        <pc:spChg chg="add del mod">
          <ac:chgData name="Laizet, Sebastien" userId="4c329518-9e12-4f6b-8afa-9dbe60ec0c36" providerId="ADAL" clId="{62EF9582-67D8-4837-9BC7-E30B81B5C308}" dt="2023-09-15T21:49:26.784" v="11928" actId="478"/>
          <ac:spMkLst>
            <pc:docMk/>
            <pc:sldMk cId="4143354550" sldId="1018"/>
            <ac:spMk id="8" creationId="{3399A431-1BC2-C053-78B2-C695B02A0464}"/>
          </ac:spMkLst>
        </pc:spChg>
        <pc:spChg chg="add del mod">
          <ac:chgData name="Laizet, Sebastien" userId="4c329518-9e12-4f6b-8afa-9dbe60ec0c36" providerId="ADAL" clId="{62EF9582-67D8-4837-9BC7-E30B81B5C308}" dt="2023-09-15T21:53:47.864" v="12016" actId="478"/>
          <ac:spMkLst>
            <pc:docMk/>
            <pc:sldMk cId="4143354550" sldId="1018"/>
            <ac:spMk id="9" creationId="{E2774A77-5FBB-CA82-DABE-F4FDB5890B4F}"/>
          </ac:spMkLst>
        </pc:spChg>
        <pc:spChg chg="add mod">
          <ac:chgData name="Laizet, Sebastien" userId="4c329518-9e12-4f6b-8afa-9dbe60ec0c36" providerId="ADAL" clId="{62EF9582-67D8-4837-9BC7-E30B81B5C308}" dt="2023-09-15T21:55:08.868" v="12106" actId="1076"/>
          <ac:spMkLst>
            <pc:docMk/>
            <pc:sldMk cId="4143354550" sldId="1018"/>
            <ac:spMk id="11" creationId="{D5EB4625-24FE-95A3-196B-D8193D1182D9}"/>
          </ac:spMkLst>
        </pc:spChg>
        <pc:spChg chg="mod">
          <ac:chgData name="Laizet, Sebastien" userId="4c329518-9e12-4f6b-8afa-9dbe60ec0c36" providerId="ADAL" clId="{62EF9582-67D8-4837-9BC7-E30B81B5C308}" dt="2023-09-15T22:07:13.394" v="12348" actId="20577"/>
          <ac:spMkLst>
            <pc:docMk/>
            <pc:sldMk cId="4143354550" sldId="1018"/>
            <ac:spMk id="12" creationId="{2D48CE7F-A4E7-46B7-A699-B27216AA962E}"/>
          </ac:spMkLst>
        </pc:spChg>
        <pc:spChg chg="add mod">
          <ac:chgData name="Laizet, Sebastien" userId="4c329518-9e12-4f6b-8afa-9dbe60ec0c36" providerId="ADAL" clId="{62EF9582-67D8-4837-9BC7-E30B81B5C308}" dt="2023-09-15T22:01:07.691" v="12317" actId="20577"/>
          <ac:spMkLst>
            <pc:docMk/>
            <pc:sldMk cId="4143354550" sldId="1018"/>
            <ac:spMk id="13" creationId="{DBFFA2B6-BD9D-262A-64FB-DFCFA06C9E60}"/>
          </ac:spMkLst>
        </pc:spChg>
        <pc:spChg chg="add mod">
          <ac:chgData name="Laizet, Sebastien" userId="4c329518-9e12-4f6b-8afa-9dbe60ec0c36" providerId="ADAL" clId="{62EF9582-67D8-4837-9BC7-E30B81B5C308}" dt="2023-09-15T22:02:24.570" v="12326" actId="1076"/>
          <ac:spMkLst>
            <pc:docMk/>
            <pc:sldMk cId="4143354550" sldId="1018"/>
            <ac:spMk id="15" creationId="{8BC43E92-D260-3B71-D3B2-E3E62DCED7DE}"/>
          </ac:spMkLst>
        </pc:spChg>
        <pc:spChg chg="add mod">
          <ac:chgData name="Laizet, Sebastien" userId="4c329518-9e12-4f6b-8afa-9dbe60ec0c36" providerId="ADAL" clId="{62EF9582-67D8-4837-9BC7-E30B81B5C308}" dt="2023-09-15T22:08:24.115" v="12371" actId="1076"/>
          <ac:spMkLst>
            <pc:docMk/>
            <pc:sldMk cId="4143354550" sldId="1018"/>
            <ac:spMk id="16" creationId="{F78FF213-0B92-73E9-71F7-8E206FFD1E34}"/>
          </ac:spMkLst>
        </pc:spChg>
        <pc:picChg chg="del">
          <ac:chgData name="Laizet, Sebastien" userId="4c329518-9e12-4f6b-8afa-9dbe60ec0c36" providerId="ADAL" clId="{62EF9582-67D8-4837-9BC7-E30B81B5C308}" dt="2023-09-12T23:12:00.867" v="5558" actId="478"/>
          <ac:picMkLst>
            <pc:docMk/>
            <pc:sldMk cId="4143354550" sldId="1018"/>
            <ac:picMk id="3" creationId="{A673337F-7EF8-A1C2-ADF7-9B8087F286F4}"/>
          </ac:picMkLst>
        </pc:picChg>
        <pc:picChg chg="add del mod">
          <ac:chgData name="Laizet, Sebastien" userId="4c329518-9e12-4f6b-8afa-9dbe60ec0c36" providerId="ADAL" clId="{62EF9582-67D8-4837-9BC7-E30B81B5C308}" dt="2023-09-15T22:02:04.585" v="12321" actId="478"/>
          <ac:picMkLst>
            <pc:docMk/>
            <pc:sldMk cId="4143354550" sldId="1018"/>
            <ac:picMk id="4" creationId="{104B2756-872B-5EDB-331B-4C3413BFC762}"/>
          </ac:picMkLst>
        </pc:picChg>
        <pc:picChg chg="add mod">
          <ac:chgData name="Laizet, Sebastien" userId="4c329518-9e12-4f6b-8afa-9dbe60ec0c36" providerId="ADAL" clId="{62EF9582-67D8-4837-9BC7-E30B81B5C308}" dt="2023-09-15T22:02:07.864" v="12322" actId="1076"/>
          <ac:picMkLst>
            <pc:docMk/>
            <pc:sldMk cId="4143354550" sldId="1018"/>
            <ac:picMk id="14" creationId="{4699118F-C86A-1CA3-6AFE-BAE4C24CE250}"/>
          </ac:picMkLst>
        </pc:picChg>
        <pc:picChg chg="del">
          <ac:chgData name="Laizet, Sebastien" userId="4c329518-9e12-4f6b-8afa-9dbe60ec0c36" providerId="ADAL" clId="{62EF9582-67D8-4837-9BC7-E30B81B5C308}" dt="2023-09-12T23:11:47.513" v="5553" actId="478"/>
          <ac:picMkLst>
            <pc:docMk/>
            <pc:sldMk cId="4143354550" sldId="1018"/>
            <ac:picMk id="16" creationId="{52CC5A30-26BD-4972-B8C3-B9C342750311}"/>
          </ac:picMkLst>
        </pc:picChg>
      </pc:sldChg>
      <pc:sldChg chg="del">
        <pc:chgData name="Laizet, Sebastien" userId="4c329518-9e12-4f6b-8afa-9dbe60ec0c36" providerId="ADAL" clId="{62EF9582-67D8-4837-9BC7-E30B81B5C308}" dt="2023-09-13T16:42:55.960" v="5964" actId="47"/>
        <pc:sldMkLst>
          <pc:docMk/>
          <pc:sldMk cId="276746502" sldId="1019"/>
        </pc:sldMkLst>
      </pc:sldChg>
      <pc:sldChg chg="addSp delSp modSp mod ord">
        <pc:chgData name="Laizet, Sebastien" userId="4c329518-9e12-4f6b-8afa-9dbe60ec0c36" providerId="ADAL" clId="{62EF9582-67D8-4837-9BC7-E30B81B5C308}" dt="2023-09-13T19:53:19.179" v="6765"/>
        <pc:sldMkLst>
          <pc:docMk/>
          <pc:sldMk cId="3808510675" sldId="1019"/>
        </pc:sldMkLst>
        <pc:spChg chg="add mod">
          <ac:chgData name="Laizet, Sebastien" userId="4c329518-9e12-4f6b-8afa-9dbe60ec0c36" providerId="ADAL" clId="{62EF9582-67D8-4837-9BC7-E30B81B5C308}" dt="2023-09-13T19:32:59.520" v="6696" actId="1076"/>
          <ac:spMkLst>
            <pc:docMk/>
            <pc:sldMk cId="3808510675" sldId="1019"/>
            <ac:spMk id="4" creationId="{CC3277A7-8FA2-7ACF-34AD-DC69480741E3}"/>
          </ac:spMkLst>
        </pc:spChg>
        <pc:spChg chg="del">
          <ac:chgData name="Laizet, Sebastien" userId="4c329518-9e12-4f6b-8afa-9dbe60ec0c36" providerId="ADAL" clId="{62EF9582-67D8-4837-9BC7-E30B81B5C308}" dt="2023-09-13T18:57:15.348" v="6591" actId="478"/>
          <ac:spMkLst>
            <pc:docMk/>
            <pc:sldMk cId="3808510675" sldId="1019"/>
            <ac:spMk id="21" creationId="{521A388E-2345-A647-4D63-42287C0FBC49}"/>
          </ac:spMkLst>
        </pc:spChg>
        <pc:picChg chg="add mod">
          <ac:chgData name="Laizet, Sebastien" userId="4c329518-9e12-4f6b-8afa-9dbe60ec0c36" providerId="ADAL" clId="{62EF9582-67D8-4837-9BC7-E30B81B5C308}" dt="2023-09-13T19:09:00.888" v="6593"/>
          <ac:picMkLst>
            <pc:docMk/>
            <pc:sldMk cId="3808510675" sldId="1019"/>
            <ac:picMk id="2" creationId="{1A59038A-CA7D-4965-F6CF-B14E5BC60079}"/>
          </ac:picMkLst>
        </pc:picChg>
        <pc:picChg chg="add mod">
          <ac:chgData name="Laizet, Sebastien" userId="4c329518-9e12-4f6b-8afa-9dbe60ec0c36" providerId="ADAL" clId="{62EF9582-67D8-4837-9BC7-E30B81B5C308}" dt="2023-09-13T19:32:04.625" v="6665" actId="1076"/>
          <ac:picMkLst>
            <pc:docMk/>
            <pc:sldMk cId="3808510675" sldId="1019"/>
            <ac:picMk id="3" creationId="{1EDFCADC-64D3-FFB0-7E3C-0A7DE5C61832}"/>
          </ac:picMkLst>
        </pc:picChg>
        <pc:picChg chg="del">
          <ac:chgData name="Laizet, Sebastien" userId="4c329518-9e12-4f6b-8afa-9dbe60ec0c36" providerId="ADAL" clId="{62EF9582-67D8-4837-9BC7-E30B81B5C308}" dt="2023-09-13T18:57:11.657" v="6590" actId="478"/>
          <ac:picMkLst>
            <pc:docMk/>
            <pc:sldMk cId="3808510675" sldId="1019"/>
            <ac:picMk id="20" creationId="{80E0575E-5089-9925-4CB4-F7E7C51B449F}"/>
          </ac:picMkLst>
        </pc:picChg>
      </pc:sldChg>
      <pc:sldChg chg="addSp modSp mod ord">
        <pc:chgData name="Laizet, Sebastien" userId="4c329518-9e12-4f6b-8afa-9dbe60ec0c36" providerId="ADAL" clId="{62EF9582-67D8-4837-9BC7-E30B81B5C308}" dt="2023-09-14T21:59:57.551" v="9123" actId="1076"/>
        <pc:sldMkLst>
          <pc:docMk/>
          <pc:sldMk cId="745102794" sldId="1020"/>
        </pc:sldMkLst>
        <pc:spChg chg="add mod">
          <ac:chgData name="Laizet, Sebastien" userId="4c329518-9e12-4f6b-8afa-9dbe60ec0c36" providerId="ADAL" clId="{62EF9582-67D8-4837-9BC7-E30B81B5C308}" dt="2023-09-14T21:59:57.551" v="9123" actId="1076"/>
          <ac:spMkLst>
            <pc:docMk/>
            <pc:sldMk cId="745102794" sldId="1020"/>
            <ac:spMk id="5" creationId="{D0D6FE94-41C8-0305-7A91-D5198CAD29F8}"/>
          </ac:spMkLst>
        </pc:spChg>
        <pc:picChg chg="add mod">
          <ac:chgData name="Laizet, Sebastien" userId="4c329518-9e12-4f6b-8afa-9dbe60ec0c36" providerId="ADAL" clId="{62EF9582-67D8-4837-9BC7-E30B81B5C308}" dt="2023-09-14T21:56:55.884" v="9013" actId="1076"/>
          <ac:picMkLst>
            <pc:docMk/>
            <pc:sldMk cId="745102794" sldId="1020"/>
            <ac:picMk id="2" creationId="{B418CD0E-3CBF-59ED-1150-17B1EB8D220B}"/>
          </ac:picMkLst>
        </pc:picChg>
        <pc:picChg chg="add mod">
          <ac:chgData name="Laizet, Sebastien" userId="4c329518-9e12-4f6b-8afa-9dbe60ec0c36" providerId="ADAL" clId="{62EF9582-67D8-4837-9BC7-E30B81B5C308}" dt="2023-09-14T21:56:52.548" v="9012" actId="1076"/>
          <ac:picMkLst>
            <pc:docMk/>
            <pc:sldMk cId="745102794" sldId="1020"/>
            <ac:picMk id="3" creationId="{F3A44F30-7946-4B7A-F7FF-9F5895C936DE}"/>
          </ac:picMkLst>
        </pc:picChg>
        <pc:picChg chg="add mod">
          <ac:chgData name="Laizet, Sebastien" userId="4c329518-9e12-4f6b-8afa-9dbe60ec0c36" providerId="ADAL" clId="{62EF9582-67D8-4837-9BC7-E30B81B5C308}" dt="2023-09-14T21:56:49.017" v="9011" actId="1076"/>
          <ac:picMkLst>
            <pc:docMk/>
            <pc:sldMk cId="745102794" sldId="1020"/>
            <ac:picMk id="4" creationId="{60FDAEFE-C0F6-A24E-82A0-9110F7497F5F}"/>
          </ac:picMkLst>
        </pc:picChg>
      </pc:sldChg>
      <pc:sldChg chg="addSp delSp modSp mod">
        <pc:chgData name="Laizet, Sebastien" userId="4c329518-9e12-4f6b-8afa-9dbe60ec0c36" providerId="ADAL" clId="{62EF9582-67D8-4837-9BC7-E30B81B5C308}" dt="2023-09-14T22:00:56.843" v="9205" actId="1076"/>
        <pc:sldMkLst>
          <pc:docMk/>
          <pc:sldMk cId="2230475499" sldId="1021"/>
        </pc:sldMkLst>
        <pc:spChg chg="add mod">
          <ac:chgData name="Laizet, Sebastien" userId="4c329518-9e12-4f6b-8afa-9dbe60ec0c36" providerId="ADAL" clId="{62EF9582-67D8-4837-9BC7-E30B81B5C308}" dt="2023-09-14T22:00:56.843" v="9205" actId="1076"/>
          <ac:spMkLst>
            <pc:docMk/>
            <pc:sldMk cId="2230475499" sldId="1021"/>
            <ac:spMk id="2" creationId="{C36CF76B-33CB-1435-FF5B-751B38080F89}"/>
          </ac:spMkLst>
        </pc:spChg>
        <pc:picChg chg="add del mod">
          <ac:chgData name="Laizet, Sebastien" userId="4c329518-9e12-4f6b-8afa-9dbe60ec0c36" providerId="ADAL" clId="{62EF9582-67D8-4837-9BC7-E30B81B5C308}" dt="2023-09-13T19:12:48.754" v="6614" actId="478"/>
          <ac:picMkLst>
            <pc:docMk/>
            <pc:sldMk cId="2230475499" sldId="1021"/>
            <ac:picMk id="2" creationId="{F61B063C-524F-18CA-DC50-34A624990BAC}"/>
          </ac:picMkLst>
        </pc:picChg>
        <pc:picChg chg="add mod">
          <ac:chgData name="Laizet, Sebastien" userId="4c329518-9e12-4f6b-8afa-9dbe60ec0c36" providerId="ADAL" clId="{62EF9582-67D8-4837-9BC7-E30B81B5C308}" dt="2023-09-13T19:30:12.839" v="6663" actId="1076"/>
          <ac:picMkLst>
            <pc:docMk/>
            <pc:sldMk cId="2230475499" sldId="1021"/>
            <ac:picMk id="3" creationId="{155378B5-F4A5-9F58-D25C-C504955B4E6F}"/>
          </ac:picMkLst>
        </pc:picChg>
        <pc:picChg chg="add mod">
          <ac:chgData name="Laizet, Sebastien" userId="4c329518-9e12-4f6b-8afa-9dbe60ec0c36" providerId="ADAL" clId="{62EF9582-67D8-4837-9BC7-E30B81B5C308}" dt="2023-09-13T19:29:24.495" v="6658" actId="1076"/>
          <ac:picMkLst>
            <pc:docMk/>
            <pc:sldMk cId="2230475499" sldId="1021"/>
            <ac:picMk id="5" creationId="{E5F1A8B5-DA27-0857-E385-9AA5AFD97CD7}"/>
          </ac:picMkLst>
        </pc:picChg>
        <pc:picChg chg="add mod">
          <ac:chgData name="Laizet, Sebastien" userId="4c329518-9e12-4f6b-8afa-9dbe60ec0c36" providerId="ADAL" clId="{62EF9582-67D8-4837-9BC7-E30B81B5C308}" dt="2023-09-13T19:30:15.697" v="6664" actId="1076"/>
          <ac:picMkLst>
            <pc:docMk/>
            <pc:sldMk cId="2230475499" sldId="1021"/>
            <ac:picMk id="7" creationId="{01673CE5-A11F-2104-40D2-7092765D62BE}"/>
          </ac:picMkLst>
        </pc:picChg>
      </pc:sldChg>
      <pc:sldChg chg="addSp modSp del">
        <pc:chgData name="Laizet, Sebastien" userId="4c329518-9e12-4f6b-8afa-9dbe60ec0c36" providerId="ADAL" clId="{62EF9582-67D8-4837-9BC7-E30B81B5C308}" dt="2023-09-13T19:52:57.497" v="6759" actId="47"/>
        <pc:sldMkLst>
          <pc:docMk/>
          <pc:sldMk cId="3476587381" sldId="1022"/>
        </pc:sldMkLst>
        <pc:picChg chg="add mod">
          <ac:chgData name="Laizet, Sebastien" userId="4c329518-9e12-4f6b-8afa-9dbe60ec0c36" providerId="ADAL" clId="{62EF9582-67D8-4837-9BC7-E30B81B5C308}" dt="2023-09-13T19:11:37.437" v="6609"/>
          <ac:picMkLst>
            <pc:docMk/>
            <pc:sldMk cId="3476587381" sldId="1022"/>
            <ac:picMk id="2" creationId="{C1AA01F3-B893-BC3E-8730-20B52285419E}"/>
          </ac:picMkLst>
        </pc:picChg>
      </pc:sldChg>
      <pc:sldChg chg="del">
        <pc:chgData name="Laizet, Sebastien" userId="4c329518-9e12-4f6b-8afa-9dbe60ec0c36" providerId="ADAL" clId="{62EF9582-67D8-4837-9BC7-E30B81B5C308}" dt="2023-09-13T19:18:53.943" v="6619"/>
        <pc:sldMkLst>
          <pc:docMk/>
          <pc:sldMk cId="1469932603" sldId="1023"/>
        </pc:sldMkLst>
      </pc:sldChg>
      <pc:sldChg chg="addSp delSp modSp mod ord">
        <pc:chgData name="Laizet, Sebastien" userId="4c329518-9e12-4f6b-8afa-9dbe60ec0c36" providerId="ADAL" clId="{62EF9582-67D8-4837-9BC7-E30B81B5C308}" dt="2023-09-13T19:53:51.867" v="6769" actId="1076"/>
        <pc:sldMkLst>
          <pc:docMk/>
          <pc:sldMk cId="2687134337" sldId="1023"/>
        </pc:sldMkLst>
        <pc:picChg chg="del">
          <ac:chgData name="Laizet, Sebastien" userId="4c329518-9e12-4f6b-8afa-9dbe60ec0c36" providerId="ADAL" clId="{62EF9582-67D8-4837-9BC7-E30B81B5C308}" dt="2023-09-13T19:19:08.416" v="6620" actId="478"/>
          <ac:picMkLst>
            <pc:docMk/>
            <pc:sldMk cId="2687134337" sldId="1023"/>
            <ac:picMk id="2" creationId="{C1AA01F3-B893-BC3E-8730-20B52285419E}"/>
          </ac:picMkLst>
        </pc:picChg>
        <pc:picChg chg="add mod">
          <ac:chgData name="Laizet, Sebastien" userId="4c329518-9e12-4f6b-8afa-9dbe60ec0c36" providerId="ADAL" clId="{62EF9582-67D8-4837-9BC7-E30B81B5C308}" dt="2023-09-13T19:53:51.867" v="6769" actId="1076"/>
          <ac:picMkLst>
            <pc:docMk/>
            <pc:sldMk cId="2687134337" sldId="1023"/>
            <ac:picMk id="3" creationId="{7EAC7C6D-02DA-51CD-09C4-2174BE178FBE}"/>
          </ac:picMkLst>
        </pc:picChg>
      </pc:sldChg>
      <pc:sldChg chg="addSp delSp modSp mod ord">
        <pc:chgData name="Laizet, Sebastien" userId="4c329518-9e12-4f6b-8afa-9dbe60ec0c36" providerId="ADAL" clId="{62EF9582-67D8-4837-9BC7-E30B81B5C308}" dt="2023-09-13T19:53:22.463" v="6767"/>
        <pc:sldMkLst>
          <pc:docMk/>
          <pc:sldMk cId="236606482" sldId="1024"/>
        </pc:sldMkLst>
        <pc:spChg chg="add mod">
          <ac:chgData name="Laizet, Sebastien" userId="4c329518-9e12-4f6b-8afa-9dbe60ec0c36" providerId="ADAL" clId="{62EF9582-67D8-4837-9BC7-E30B81B5C308}" dt="2023-09-13T19:50:12.796" v="6758" actId="1076"/>
          <ac:spMkLst>
            <pc:docMk/>
            <pc:sldMk cId="236606482" sldId="1024"/>
            <ac:spMk id="10" creationId="{DC633DD7-07DD-DCDD-571B-9012DF92062F}"/>
          </ac:spMkLst>
        </pc:spChg>
        <pc:picChg chg="del">
          <ac:chgData name="Laizet, Sebastien" userId="4c329518-9e12-4f6b-8afa-9dbe60ec0c36" providerId="ADAL" clId="{62EF9582-67D8-4837-9BC7-E30B81B5C308}" dt="2023-09-13T19:19:11.232" v="6621" actId="478"/>
          <ac:picMkLst>
            <pc:docMk/>
            <pc:sldMk cId="236606482" sldId="1024"/>
            <ac:picMk id="2" creationId="{C1AA01F3-B893-BC3E-8730-20B52285419E}"/>
          </ac:picMkLst>
        </pc:picChg>
        <pc:picChg chg="add mod">
          <ac:chgData name="Laizet, Sebastien" userId="4c329518-9e12-4f6b-8afa-9dbe60ec0c36" providerId="ADAL" clId="{62EF9582-67D8-4837-9BC7-E30B81B5C308}" dt="2023-09-13T19:49:30.690" v="6735" actId="1076"/>
          <ac:picMkLst>
            <pc:docMk/>
            <pc:sldMk cId="236606482" sldId="1024"/>
            <ac:picMk id="3" creationId="{74D028AB-BC2E-979F-B1AF-4BBBEC780C1A}"/>
          </ac:picMkLst>
        </pc:picChg>
        <pc:picChg chg="add mod">
          <ac:chgData name="Laizet, Sebastien" userId="4c329518-9e12-4f6b-8afa-9dbe60ec0c36" providerId="ADAL" clId="{62EF9582-67D8-4837-9BC7-E30B81B5C308}" dt="2023-09-13T19:49:18.921" v="6734" actId="1076"/>
          <ac:picMkLst>
            <pc:docMk/>
            <pc:sldMk cId="236606482" sldId="1024"/>
            <ac:picMk id="5" creationId="{C7CC8A67-5984-5796-1801-0482631806FF}"/>
          </ac:picMkLst>
        </pc:picChg>
        <pc:picChg chg="add mod">
          <ac:chgData name="Laizet, Sebastien" userId="4c329518-9e12-4f6b-8afa-9dbe60ec0c36" providerId="ADAL" clId="{62EF9582-67D8-4837-9BC7-E30B81B5C308}" dt="2023-09-13T19:47:15.762" v="6728" actId="1076"/>
          <ac:picMkLst>
            <pc:docMk/>
            <pc:sldMk cId="236606482" sldId="1024"/>
            <ac:picMk id="7" creationId="{99ADE0DD-EDA5-0383-6BAF-3BBA2655019D}"/>
          </ac:picMkLst>
        </pc:picChg>
        <pc:picChg chg="add del mod">
          <ac:chgData name="Laizet, Sebastien" userId="4c329518-9e12-4f6b-8afa-9dbe60ec0c36" providerId="ADAL" clId="{62EF9582-67D8-4837-9BC7-E30B81B5C308}" dt="2023-09-13T19:48:46.801" v="6732" actId="478"/>
          <ac:picMkLst>
            <pc:docMk/>
            <pc:sldMk cId="236606482" sldId="1024"/>
            <ac:picMk id="9" creationId="{E5866193-2495-1330-02AA-294409870137}"/>
          </ac:picMkLst>
        </pc:picChg>
      </pc:sldChg>
      <pc:sldChg chg="delSp del mod">
        <pc:chgData name="Laizet, Sebastien" userId="4c329518-9e12-4f6b-8afa-9dbe60ec0c36" providerId="ADAL" clId="{62EF9582-67D8-4837-9BC7-E30B81B5C308}" dt="2023-09-13T20:02:38.462" v="6805" actId="47"/>
        <pc:sldMkLst>
          <pc:docMk/>
          <pc:sldMk cId="145859259" sldId="1025"/>
        </pc:sldMkLst>
        <pc:picChg chg="del">
          <ac:chgData name="Laizet, Sebastien" userId="4c329518-9e12-4f6b-8afa-9dbe60ec0c36" providerId="ADAL" clId="{62EF9582-67D8-4837-9BC7-E30B81B5C308}" dt="2023-09-13T19:55:09.175" v="6770" actId="478"/>
          <ac:picMkLst>
            <pc:docMk/>
            <pc:sldMk cId="145859259" sldId="1025"/>
            <ac:picMk id="3" creationId="{7EAC7C6D-02DA-51CD-09C4-2174BE178FBE}"/>
          </ac:picMkLst>
        </pc:picChg>
      </pc:sldChg>
      <pc:sldChg chg="addSp delSp modSp add mod ord modAnim">
        <pc:chgData name="Laizet, Sebastien" userId="4c329518-9e12-4f6b-8afa-9dbe60ec0c36" providerId="ADAL" clId="{62EF9582-67D8-4837-9BC7-E30B81B5C308}" dt="2023-09-16T06:10:52.744" v="12837"/>
        <pc:sldMkLst>
          <pc:docMk/>
          <pc:sldMk cId="2394767355" sldId="1026"/>
        </pc:sldMkLst>
        <pc:spChg chg="add mod">
          <ac:chgData name="Laizet, Sebastien" userId="4c329518-9e12-4f6b-8afa-9dbe60ec0c36" providerId="ADAL" clId="{62EF9582-67D8-4837-9BC7-E30B81B5C308}" dt="2023-09-16T06:09:11.568" v="12774" actId="1076"/>
          <ac:spMkLst>
            <pc:docMk/>
            <pc:sldMk cId="2394767355" sldId="1026"/>
            <ac:spMk id="2" creationId="{C35FD349-C1B2-E9DE-4B27-6BD828B8ECA2}"/>
          </ac:spMkLst>
        </pc:spChg>
        <pc:spChg chg="add mod">
          <ac:chgData name="Laizet, Sebastien" userId="4c329518-9e12-4f6b-8afa-9dbe60ec0c36" providerId="ADAL" clId="{62EF9582-67D8-4837-9BC7-E30B81B5C308}" dt="2023-09-16T06:10:33.966" v="12835" actId="207"/>
          <ac:spMkLst>
            <pc:docMk/>
            <pc:sldMk cId="2394767355" sldId="1026"/>
            <ac:spMk id="3" creationId="{4F397A5A-118E-83FB-02F5-CF91F1ED5CAF}"/>
          </ac:spMkLst>
        </pc:spChg>
        <pc:picChg chg="del">
          <ac:chgData name="Laizet, Sebastien" userId="4c329518-9e12-4f6b-8afa-9dbe60ec0c36" providerId="ADAL" clId="{62EF9582-67D8-4837-9BC7-E30B81B5C308}" dt="2023-09-13T19:55:15.159" v="6772" actId="478"/>
          <ac:picMkLst>
            <pc:docMk/>
            <pc:sldMk cId="2394767355" sldId="1026"/>
            <ac:picMk id="3" creationId="{7EAC7C6D-02DA-51CD-09C4-2174BE178FBE}"/>
          </ac:picMkLst>
        </pc:picChg>
        <pc:picChg chg="add mod">
          <ac:chgData name="Laizet, Sebastien" userId="4c329518-9e12-4f6b-8afa-9dbe60ec0c36" providerId="ADAL" clId="{62EF9582-67D8-4837-9BC7-E30B81B5C308}" dt="2023-09-13T20:01:25.631" v="6801" actId="1076"/>
          <ac:picMkLst>
            <pc:docMk/>
            <pc:sldMk cId="2394767355" sldId="1026"/>
            <ac:picMk id="4" creationId="{8A23C8A2-A3C1-169E-633B-4F0D3D19F353}"/>
          </ac:picMkLst>
        </pc:picChg>
        <pc:picChg chg="add mod">
          <ac:chgData name="Laizet, Sebastien" userId="4c329518-9e12-4f6b-8afa-9dbe60ec0c36" providerId="ADAL" clId="{62EF9582-67D8-4837-9BC7-E30B81B5C308}" dt="2023-09-13T19:59:42.950" v="6792" actId="14100"/>
          <ac:picMkLst>
            <pc:docMk/>
            <pc:sldMk cId="2394767355" sldId="1026"/>
            <ac:picMk id="6" creationId="{9FD90581-0114-7EB8-39D3-4DEF3351C195}"/>
          </ac:picMkLst>
        </pc:picChg>
        <pc:picChg chg="add mod">
          <ac:chgData name="Laizet, Sebastien" userId="4c329518-9e12-4f6b-8afa-9dbe60ec0c36" providerId="ADAL" clId="{62EF9582-67D8-4837-9BC7-E30B81B5C308}" dt="2023-09-13T20:01:30.460" v="6802" actId="1076"/>
          <ac:picMkLst>
            <pc:docMk/>
            <pc:sldMk cId="2394767355" sldId="1026"/>
            <ac:picMk id="8" creationId="{782756C2-DBF3-7DF6-F923-3EB9FCE5EC37}"/>
          </ac:picMkLst>
        </pc:picChg>
      </pc:sldChg>
      <pc:sldChg chg="addSp delSp modSp mod">
        <pc:chgData name="Laizet, Sebastien" userId="4c329518-9e12-4f6b-8afa-9dbe60ec0c36" providerId="ADAL" clId="{62EF9582-67D8-4837-9BC7-E30B81B5C308}" dt="2023-09-13T20:07:55.522" v="6818" actId="1076"/>
        <pc:sldMkLst>
          <pc:docMk/>
          <pc:sldMk cId="2274748513" sldId="1027"/>
        </pc:sldMkLst>
        <pc:spChg chg="mod">
          <ac:chgData name="Laizet, Sebastien" userId="4c329518-9e12-4f6b-8afa-9dbe60ec0c36" providerId="ADAL" clId="{62EF9582-67D8-4837-9BC7-E30B81B5C308}" dt="2023-09-13T20:04:39.719" v="6813" actId="20577"/>
          <ac:spMkLst>
            <pc:docMk/>
            <pc:sldMk cId="2274748513" sldId="1027"/>
            <ac:spMk id="4" creationId="{22D864BE-226A-797B-486C-A045AE43AB3D}"/>
          </ac:spMkLst>
        </pc:spChg>
        <pc:picChg chg="del">
          <ac:chgData name="Laizet, Sebastien" userId="4c329518-9e12-4f6b-8afa-9dbe60ec0c36" providerId="ADAL" clId="{62EF9582-67D8-4837-9BC7-E30B81B5C308}" dt="2023-09-13T20:04:41.547" v="6814" actId="478"/>
          <ac:picMkLst>
            <pc:docMk/>
            <pc:sldMk cId="2274748513" sldId="1027"/>
            <ac:picMk id="2" creationId="{01FC0A17-8474-FC83-C935-B5C1A207646F}"/>
          </ac:picMkLst>
        </pc:picChg>
        <pc:picChg chg="del">
          <ac:chgData name="Laizet, Sebastien" userId="4c329518-9e12-4f6b-8afa-9dbe60ec0c36" providerId="ADAL" clId="{62EF9582-67D8-4837-9BC7-E30B81B5C308}" dt="2023-09-13T20:04:44.107" v="6815" actId="478"/>
          <ac:picMkLst>
            <pc:docMk/>
            <pc:sldMk cId="2274748513" sldId="1027"/>
            <ac:picMk id="3" creationId="{DD6AD485-EBAC-BE7B-B5F5-D55FB8E723BC}"/>
          </ac:picMkLst>
        </pc:picChg>
        <pc:picChg chg="add mod">
          <ac:chgData name="Laizet, Sebastien" userId="4c329518-9e12-4f6b-8afa-9dbe60ec0c36" providerId="ADAL" clId="{62EF9582-67D8-4837-9BC7-E30B81B5C308}" dt="2023-09-13T20:07:55.522" v="6818" actId="1076"/>
          <ac:picMkLst>
            <pc:docMk/>
            <pc:sldMk cId="2274748513" sldId="1027"/>
            <ac:picMk id="6" creationId="{2D3C5152-44A7-84DE-F78D-17884434EEF5}"/>
          </ac:picMkLst>
        </pc:picChg>
      </pc:sldChg>
      <pc:sldChg chg="delSp del mod">
        <pc:chgData name="Laizet, Sebastien" userId="4c329518-9e12-4f6b-8afa-9dbe60ec0c36" providerId="ADAL" clId="{62EF9582-67D8-4837-9BC7-E30B81B5C308}" dt="2023-09-13T20:16:12.425" v="6840" actId="47"/>
        <pc:sldMkLst>
          <pc:docMk/>
          <pc:sldMk cId="1073349533" sldId="1028"/>
        </pc:sldMkLst>
        <pc:picChg chg="del">
          <ac:chgData name="Laizet, Sebastien" userId="4c329518-9e12-4f6b-8afa-9dbe60ec0c36" providerId="ADAL" clId="{62EF9582-67D8-4837-9BC7-E30B81B5C308}" dt="2023-09-13T20:08:08.437" v="6819" actId="478"/>
          <ac:picMkLst>
            <pc:docMk/>
            <pc:sldMk cId="1073349533" sldId="1028"/>
            <ac:picMk id="6" creationId="{2D3C5152-44A7-84DE-F78D-17884434EEF5}"/>
          </ac:picMkLst>
        </pc:picChg>
      </pc:sldChg>
      <pc:sldChg chg="addSp delSp modSp mod">
        <pc:chgData name="Laizet, Sebastien" userId="4c329518-9e12-4f6b-8afa-9dbe60ec0c36" providerId="ADAL" clId="{62EF9582-67D8-4837-9BC7-E30B81B5C308}" dt="2023-09-14T22:06:38.373" v="9206" actId="21"/>
        <pc:sldMkLst>
          <pc:docMk/>
          <pc:sldMk cId="3631838105" sldId="1029"/>
        </pc:sldMkLst>
        <pc:spChg chg="add del mod">
          <ac:chgData name="Laizet, Sebastien" userId="4c329518-9e12-4f6b-8afa-9dbe60ec0c36" providerId="ADAL" clId="{62EF9582-67D8-4837-9BC7-E30B81B5C308}" dt="2023-09-14T22:06:38.373" v="9206" actId="21"/>
          <ac:spMkLst>
            <pc:docMk/>
            <pc:sldMk cId="3631838105" sldId="1029"/>
            <ac:spMk id="5" creationId="{0BCA37EB-A0F0-7A5A-33CC-5B314471EE59}"/>
          </ac:spMkLst>
        </pc:spChg>
        <pc:picChg chg="add mod">
          <ac:chgData name="Laizet, Sebastien" userId="4c329518-9e12-4f6b-8afa-9dbe60ec0c36" providerId="ADAL" clId="{62EF9582-67D8-4837-9BC7-E30B81B5C308}" dt="2023-09-13T20:13:43.419" v="6829" actId="14100"/>
          <ac:picMkLst>
            <pc:docMk/>
            <pc:sldMk cId="3631838105" sldId="1029"/>
            <ac:picMk id="3" creationId="{81629BAC-63F0-54BB-A155-704BB66013B1}"/>
          </ac:picMkLst>
        </pc:picChg>
      </pc:sldChg>
      <pc:sldChg chg="addSp modSp mod">
        <pc:chgData name="Laizet, Sebastien" userId="4c329518-9e12-4f6b-8afa-9dbe60ec0c36" providerId="ADAL" clId="{62EF9582-67D8-4837-9BC7-E30B81B5C308}" dt="2023-09-13T20:12:48.061" v="6826" actId="14100"/>
        <pc:sldMkLst>
          <pc:docMk/>
          <pc:sldMk cId="71812589" sldId="1030"/>
        </pc:sldMkLst>
        <pc:picChg chg="add mod">
          <ac:chgData name="Laizet, Sebastien" userId="4c329518-9e12-4f6b-8afa-9dbe60ec0c36" providerId="ADAL" clId="{62EF9582-67D8-4837-9BC7-E30B81B5C308}" dt="2023-09-13T20:12:48.061" v="6826" actId="14100"/>
          <ac:picMkLst>
            <pc:docMk/>
            <pc:sldMk cId="71812589" sldId="1030"/>
            <ac:picMk id="3" creationId="{75AFD1AE-7B91-7DF7-F829-8EAC23F682B4}"/>
          </ac:picMkLst>
        </pc:picChg>
      </pc:sldChg>
      <pc:sldChg chg="addSp modSp mod">
        <pc:chgData name="Laizet, Sebastien" userId="4c329518-9e12-4f6b-8afa-9dbe60ec0c36" providerId="ADAL" clId="{62EF9582-67D8-4837-9BC7-E30B81B5C308}" dt="2023-09-13T20:11:23.977" v="6823" actId="1076"/>
        <pc:sldMkLst>
          <pc:docMk/>
          <pc:sldMk cId="1319536807" sldId="1031"/>
        </pc:sldMkLst>
        <pc:spChg chg="mod">
          <ac:chgData name="Laizet, Sebastien" userId="4c329518-9e12-4f6b-8afa-9dbe60ec0c36" providerId="ADAL" clId="{62EF9582-67D8-4837-9BC7-E30B81B5C308}" dt="2023-09-13T20:11:23.977" v="6823" actId="1076"/>
          <ac:spMkLst>
            <pc:docMk/>
            <pc:sldMk cId="1319536807" sldId="1031"/>
            <ac:spMk id="4" creationId="{22D864BE-226A-797B-486C-A045AE43AB3D}"/>
          </ac:spMkLst>
        </pc:spChg>
        <pc:picChg chg="add mod">
          <ac:chgData name="Laizet, Sebastien" userId="4c329518-9e12-4f6b-8afa-9dbe60ec0c36" providerId="ADAL" clId="{62EF9582-67D8-4837-9BC7-E30B81B5C308}" dt="2023-09-13T20:11:19.987" v="6822" actId="1076"/>
          <ac:picMkLst>
            <pc:docMk/>
            <pc:sldMk cId="1319536807" sldId="1031"/>
            <ac:picMk id="3" creationId="{877310F9-EB33-7B5B-C707-3FC9020F81EB}"/>
          </ac:picMkLst>
        </pc:picChg>
      </pc:sldChg>
      <pc:sldChg chg="addSp modSp mod modAnim">
        <pc:chgData name="Laizet, Sebastien" userId="4c329518-9e12-4f6b-8afa-9dbe60ec0c36" providerId="ADAL" clId="{62EF9582-67D8-4837-9BC7-E30B81B5C308}" dt="2023-09-16T05:58:57.406" v="12735" actId="14100"/>
        <pc:sldMkLst>
          <pc:docMk/>
          <pc:sldMk cId="1885258872" sldId="1032"/>
        </pc:sldMkLst>
        <pc:spChg chg="mod">
          <ac:chgData name="Laizet, Sebastien" userId="4c329518-9e12-4f6b-8afa-9dbe60ec0c36" providerId="ADAL" clId="{62EF9582-67D8-4837-9BC7-E30B81B5C308}" dt="2023-09-13T20:19:11.387" v="6843" actId="1076"/>
          <ac:spMkLst>
            <pc:docMk/>
            <pc:sldMk cId="1885258872" sldId="1032"/>
            <ac:spMk id="2" creationId="{94D907F7-4A1D-FE44-3475-974560053EF4}"/>
          </ac:spMkLst>
        </pc:spChg>
        <pc:spChg chg="add mod">
          <ac:chgData name="Laizet, Sebastien" userId="4c329518-9e12-4f6b-8afa-9dbe60ec0c36" providerId="ADAL" clId="{62EF9582-67D8-4837-9BC7-E30B81B5C308}" dt="2023-09-16T05:58:57.406" v="12735" actId="14100"/>
          <ac:spMkLst>
            <pc:docMk/>
            <pc:sldMk cId="1885258872" sldId="1032"/>
            <ac:spMk id="3" creationId="{0B22D042-D673-944B-AED5-4899BE5ADC15}"/>
          </ac:spMkLst>
        </pc:spChg>
        <pc:graphicFrameChg chg="mod">
          <ac:chgData name="Laizet, Sebastien" userId="4c329518-9e12-4f6b-8afa-9dbe60ec0c36" providerId="ADAL" clId="{62EF9582-67D8-4837-9BC7-E30B81B5C308}" dt="2023-09-13T20:19:05.698" v="6842" actId="1076"/>
          <ac:graphicFrameMkLst>
            <pc:docMk/>
            <pc:sldMk cId="1885258872" sldId="1032"/>
            <ac:graphicFrameMk id="7" creationId="{F637A062-827E-879F-3F87-6D6187217866}"/>
          </ac:graphicFrameMkLst>
        </pc:graphicFrameChg>
      </pc:sldChg>
      <pc:sldChg chg="addSp delSp modSp del mod modAnim">
        <pc:chgData name="Laizet, Sebastien" userId="4c329518-9e12-4f6b-8afa-9dbe60ec0c36" providerId="ADAL" clId="{62EF9582-67D8-4837-9BC7-E30B81B5C308}" dt="2023-09-14T22:23:43.535" v="9276" actId="47"/>
        <pc:sldMkLst>
          <pc:docMk/>
          <pc:sldMk cId="280131481" sldId="1033"/>
        </pc:sldMkLst>
        <pc:spChg chg="add mod">
          <ac:chgData name="Laizet, Sebastien" userId="4c329518-9e12-4f6b-8afa-9dbe60ec0c36" providerId="ADAL" clId="{62EF9582-67D8-4837-9BC7-E30B81B5C308}" dt="2023-09-14T18:27:10.304" v="8605" actId="113"/>
          <ac:spMkLst>
            <pc:docMk/>
            <pc:sldMk cId="280131481" sldId="1033"/>
            <ac:spMk id="2" creationId="{4C5F1680-FAB9-7440-AD48-938BE215F701}"/>
          </ac:spMkLst>
        </pc:spChg>
        <pc:spChg chg="add mod">
          <ac:chgData name="Laizet, Sebastien" userId="4c329518-9e12-4f6b-8afa-9dbe60ec0c36" providerId="ADAL" clId="{62EF9582-67D8-4837-9BC7-E30B81B5C308}" dt="2023-09-14T21:54:02.465" v="9004" actId="571"/>
          <ac:spMkLst>
            <pc:docMk/>
            <pc:sldMk cId="280131481" sldId="1033"/>
            <ac:spMk id="3" creationId="{24E38B22-19CB-3476-5961-1D9C816473CD}"/>
          </ac:spMkLst>
        </pc:spChg>
        <pc:spChg chg="mod">
          <ac:chgData name="Laizet, Sebastien" userId="4c329518-9e12-4f6b-8afa-9dbe60ec0c36" providerId="ADAL" clId="{62EF9582-67D8-4837-9BC7-E30B81B5C308}" dt="2023-09-13T21:11:25.070" v="7090" actId="14100"/>
          <ac:spMkLst>
            <pc:docMk/>
            <pc:sldMk cId="280131481" sldId="1033"/>
            <ac:spMk id="4" creationId="{CC3277A7-8FA2-7ACF-34AD-DC69480741E3}"/>
          </ac:spMkLst>
        </pc:spChg>
        <pc:spChg chg="add mod">
          <ac:chgData name="Laizet, Sebastien" userId="4c329518-9e12-4f6b-8afa-9dbe60ec0c36" providerId="ADAL" clId="{62EF9582-67D8-4837-9BC7-E30B81B5C308}" dt="2023-09-14T18:30:45.653" v="8758" actId="20577"/>
          <ac:spMkLst>
            <pc:docMk/>
            <pc:sldMk cId="280131481" sldId="1033"/>
            <ac:spMk id="5" creationId="{E4D06F10-60BD-DC59-D3F9-F6C1F56B8957}"/>
          </ac:spMkLst>
        </pc:spChg>
        <pc:spChg chg="add mod">
          <ac:chgData name="Laizet, Sebastien" userId="4c329518-9e12-4f6b-8afa-9dbe60ec0c36" providerId="ADAL" clId="{62EF9582-67D8-4837-9BC7-E30B81B5C308}" dt="2023-09-14T21:54:02.465" v="9004" actId="571"/>
          <ac:spMkLst>
            <pc:docMk/>
            <pc:sldMk cId="280131481" sldId="1033"/>
            <ac:spMk id="9" creationId="{4187DE22-10D8-3E42-6E6F-489DBBE6D145}"/>
          </ac:spMkLst>
        </pc:spChg>
        <pc:picChg chg="del">
          <ac:chgData name="Laizet, Sebastien" userId="4c329518-9e12-4f6b-8afa-9dbe60ec0c36" providerId="ADAL" clId="{62EF9582-67D8-4837-9BC7-E30B81B5C308}" dt="2023-09-13T21:10:51.100" v="7032" actId="478"/>
          <ac:picMkLst>
            <pc:docMk/>
            <pc:sldMk cId="280131481" sldId="1033"/>
            <ac:picMk id="2" creationId="{1A59038A-CA7D-4965-F6CF-B14E5BC60079}"/>
          </ac:picMkLst>
        </pc:picChg>
        <pc:picChg chg="del">
          <ac:chgData name="Laizet, Sebastien" userId="4c329518-9e12-4f6b-8afa-9dbe60ec0c36" providerId="ADAL" clId="{62EF9582-67D8-4837-9BC7-E30B81B5C308}" dt="2023-09-13T21:10:52.797" v="7033" actId="478"/>
          <ac:picMkLst>
            <pc:docMk/>
            <pc:sldMk cId="280131481" sldId="1033"/>
            <ac:picMk id="3" creationId="{1EDFCADC-64D3-FFB0-7E3C-0A7DE5C61832}"/>
          </ac:picMkLst>
        </pc:picChg>
        <pc:picChg chg="add mod">
          <ac:chgData name="Laizet, Sebastien" userId="4c329518-9e12-4f6b-8afa-9dbe60ec0c36" providerId="ADAL" clId="{62EF9582-67D8-4837-9BC7-E30B81B5C308}" dt="2023-09-13T21:40:29.654" v="7225" actId="1076"/>
          <ac:picMkLst>
            <pc:docMk/>
            <pc:sldMk cId="280131481" sldId="1033"/>
            <ac:picMk id="6" creationId="{0073B24C-0688-FA5B-C71D-15049C7848CD}"/>
          </ac:picMkLst>
        </pc:picChg>
        <pc:picChg chg="add mod">
          <ac:chgData name="Laizet, Sebastien" userId="4c329518-9e12-4f6b-8afa-9dbe60ec0c36" providerId="ADAL" clId="{62EF9582-67D8-4837-9BC7-E30B81B5C308}" dt="2023-09-13T21:40:24.344" v="7224" actId="1076"/>
          <ac:picMkLst>
            <pc:docMk/>
            <pc:sldMk cId="280131481" sldId="1033"/>
            <ac:picMk id="7" creationId="{E0785B72-7D81-3933-08CC-FE149FABA3E2}"/>
          </ac:picMkLst>
        </pc:picChg>
        <pc:picChg chg="add mod">
          <ac:chgData name="Laizet, Sebastien" userId="4c329518-9e12-4f6b-8afa-9dbe60ec0c36" providerId="ADAL" clId="{62EF9582-67D8-4837-9BC7-E30B81B5C308}" dt="2023-09-13T21:40:40.599" v="7226" actId="1076"/>
          <ac:picMkLst>
            <pc:docMk/>
            <pc:sldMk cId="280131481" sldId="1033"/>
            <ac:picMk id="8" creationId="{6060D0E4-B6BC-AB55-4015-82C6705A89DE}"/>
          </ac:picMkLst>
        </pc:picChg>
        <pc:picChg chg="add del mod">
          <ac:chgData name="Laizet, Sebastien" userId="4c329518-9e12-4f6b-8afa-9dbe60ec0c36" providerId="ADAL" clId="{62EF9582-67D8-4837-9BC7-E30B81B5C308}" dt="2023-09-13T21:20:08.188" v="7188" actId="478"/>
          <ac:picMkLst>
            <pc:docMk/>
            <pc:sldMk cId="280131481" sldId="1033"/>
            <ac:picMk id="10" creationId="{BC1FEEF1-C1C9-D8C4-359E-44159F81546E}"/>
          </ac:picMkLst>
        </pc:picChg>
        <pc:picChg chg="add mod">
          <ac:chgData name="Laizet, Sebastien" userId="4c329518-9e12-4f6b-8afa-9dbe60ec0c36" providerId="ADAL" clId="{62EF9582-67D8-4837-9BC7-E30B81B5C308}" dt="2023-09-13T21:40:20.468" v="7223" actId="1076"/>
          <ac:picMkLst>
            <pc:docMk/>
            <pc:sldMk cId="280131481" sldId="1033"/>
            <ac:picMk id="12" creationId="{6229D529-7EE4-854E-7EA4-227228FFE8CC}"/>
          </ac:picMkLst>
        </pc:picChg>
        <pc:picChg chg="add mod">
          <ac:chgData name="Laizet, Sebastien" userId="4c329518-9e12-4f6b-8afa-9dbe60ec0c36" providerId="ADAL" clId="{62EF9582-67D8-4837-9BC7-E30B81B5C308}" dt="2023-09-13T21:40:51.873" v="7231" actId="1076"/>
          <ac:picMkLst>
            <pc:docMk/>
            <pc:sldMk cId="280131481" sldId="1033"/>
            <ac:picMk id="14" creationId="{F7492112-B1E6-D688-F8A4-8ABC85AC1E5F}"/>
          </ac:picMkLst>
        </pc:picChg>
        <pc:picChg chg="add mod">
          <ac:chgData name="Laizet, Sebastien" userId="4c329518-9e12-4f6b-8afa-9dbe60ec0c36" providerId="ADAL" clId="{62EF9582-67D8-4837-9BC7-E30B81B5C308}" dt="2023-09-13T21:41:14.754" v="7238" actId="14100"/>
          <ac:picMkLst>
            <pc:docMk/>
            <pc:sldMk cId="280131481" sldId="1033"/>
            <ac:picMk id="16" creationId="{AFB64FEB-D69E-FAC1-57AD-662F77F15CEA}"/>
          </ac:picMkLst>
        </pc:picChg>
        <pc:picChg chg="add mod">
          <ac:chgData name="Laizet, Sebastien" userId="4c329518-9e12-4f6b-8afa-9dbe60ec0c36" providerId="ADAL" clId="{62EF9582-67D8-4837-9BC7-E30B81B5C308}" dt="2023-09-13T21:41:02.050" v="7234" actId="14100"/>
          <ac:picMkLst>
            <pc:docMk/>
            <pc:sldMk cId="280131481" sldId="1033"/>
            <ac:picMk id="18" creationId="{3F671AFE-13E5-27D5-B649-F62E04D71B63}"/>
          </ac:picMkLst>
        </pc:picChg>
      </pc:sldChg>
      <pc:sldChg chg="add del">
        <pc:chgData name="Laizet, Sebastien" userId="4c329518-9e12-4f6b-8afa-9dbe60ec0c36" providerId="ADAL" clId="{62EF9582-67D8-4837-9BC7-E30B81B5C308}" dt="2023-09-13T21:44:01.885" v="7239" actId="47"/>
        <pc:sldMkLst>
          <pc:docMk/>
          <pc:sldMk cId="2513734127" sldId="1034"/>
        </pc:sldMkLst>
      </pc:sldChg>
      <pc:sldChg chg="addSp delSp mod">
        <pc:chgData name="Laizet, Sebastien" userId="4c329518-9e12-4f6b-8afa-9dbe60ec0c36" providerId="ADAL" clId="{62EF9582-67D8-4837-9BC7-E30B81B5C308}" dt="2023-09-13T21:47:31.761" v="7248" actId="22"/>
        <pc:sldMkLst>
          <pc:docMk/>
          <pc:sldMk cId="4275446829" sldId="1034"/>
        </pc:sldMkLst>
        <pc:picChg chg="del">
          <ac:chgData name="Laizet, Sebastien" userId="4c329518-9e12-4f6b-8afa-9dbe60ec0c36" providerId="ADAL" clId="{62EF9582-67D8-4837-9BC7-E30B81B5C308}" dt="2023-09-13T21:45:08.693" v="7240" actId="478"/>
          <ac:picMkLst>
            <pc:docMk/>
            <pc:sldMk cId="4275446829" sldId="1034"/>
            <ac:picMk id="3" creationId="{7EAC7C6D-02DA-51CD-09C4-2174BE178FBE}"/>
          </ac:picMkLst>
        </pc:picChg>
        <pc:picChg chg="add">
          <ac:chgData name="Laizet, Sebastien" userId="4c329518-9e12-4f6b-8afa-9dbe60ec0c36" providerId="ADAL" clId="{62EF9582-67D8-4837-9BC7-E30B81B5C308}" dt="2023-09-13T21:47:31.761" v="7248" actId="22"/>
          <ac:picMkLst>
            <pc:docMk/>
            <pc:sldMk cId="4275446829" sldId="1034"/>
            <ac:picMk id="4" creationId="{0AECFF6A-FA8B-6512-B09A-5FE5B4D6DED7}"/>
          </ac:picMkLst>
        </pc:picChg>
      </pc:sldChg>
      <pc:sldChg chg="del">
        <pc:chgData name="Laizet, Sebastien" userId="4c329518-9e12-4f6b-8afa-9dbe60ec0c36" providerId="ADAL" clId="{62EF9582-67D8-4837-9BC7-E30B81B5C308}" dt="2023-09-13T21:45:29.276" v="7243" actId="47"/>
        <pc:sldMkLst>
          <pc:docMk/>
          <pc:sldMk cId="2339693326" sldId="1035"/>
        </pc:sldMkLst>
      </pc:sldChg>
      <pc:sldChg chg="addSp modSp add mod">
        <pc:chgData name="Laizet, Sebastien" userId="4c329518-9e12-4f6b-8afa-9dbe60ec0c36" providerId="ADAL" clId="{62EF9582-67D8-4837-9BC7-E30B81B5C308}" dt="2023-09-13T21:45:48.501" v="7247" actId="14100"/>
        <pc:sldMkLst>
          <pc:docMk/>
          <pc:sldMk cId="3604536471" sldId="1036"/>
        </pc:sldMkLst>
        <pc:spChg chg="mod">
          <ac:chgData name="Laizet, Sebastien" userId="4c329518-9e12-4f6b-8afa-9dbe60ec0c36" providerId="ADAL" clId="{62EF9582-67D8-4837-9BC7-E30B81B5C308}" dt="2023-09-13T21:45:40.809" v="7244"/>
          <ac:spMkLst>
            <pc:docMk/>
            <pc:sldMk cId="3604536471" sldId="1036"/>
            <ac:spMk id="4" creationId="{7A285968-3225-292D-B693-2CE1A0F01D0F}"/>
          </ac:spMkLst>
        </pc:spChg>
        <pc:grpChg chg="add mod">
          <ac:chgData name="Laizet, Sebastien" userId="4c329518-9e12-4f6b-8afa-9dbe60ec0c36" providerId="ADAL" clId="{62EF9582-67D8-4837-9BC7-E30B81B5C308}" dt="2023-09-13T21:45:48.501" v="7247" actId="14100"/>
          <ac:grpSpMkLst>
            <pc:docMk/>
            <pc:sldMk cId="3604536471" sldId="1036"/>
            <ac:grpSpMk id="2" creationId="{010756C4-DAB1-6273-74E4-31DD7A76E9EE}"/>
          </ac:grpSpMkLst>
        </pc:grpChg>
        <pc:picChg chg="mod">
          <ac:chgData name="Laizet, Sebastien" userId="4c329518-9e12-4f6b-8afa-9dbe60ec0c36" providerId="ADAL" clId="{62EF9582-67D8-4837-9BC7-E30B81B5C308}" dt="2023-09-13T21:45:40.809" v="7244"/>
          <ac:picMkLst>
            <pc:docMk/>
            <pc:sldMk cId="3604536471" sldId="1036"/>
            <ac:picMk id="3" creationId="{20395279-1AE9-4A70-777F-BEEEBA1D70FF}"/>
          </ac:picMkLst>
        </pc:picChg>
      </pc:sldChg>
      <pc:sldChg chg="addSp delSp modSp mod">
        <pc:chgData name="Laizet, Sebastien" userId="4c329518-9e12-4f6b-8afa-9dbe60ec0c36" providerId="ADAL" clId="{62EF9582-67D8-4837-9BC7-E30B81B5C308}" dt="2023-09-16T06:12:21.584" v="12840" actId="207"/>
        <pc:sldMkLst>
          <pc:docMk/>
          <pc:sldMk cId="148759579" sldId="1037"/>
        </pc:sldMkLst>
        <pc:spChg chg="add mod">
          <ac:chgData name="Laizet, Sebastien" userId="4c329518-9e12-4f6b-8afa-9dbe60ec0c36" providerId="ADAL" clId="{62EF9582-67D8-4837-9BC7-E30B81B5C308}" dt="2023-09-16T06:12:21.584" v="12840" actId="207"/>
          <ac:spMkLst>
            <pc:docMk/>
            <pc:sldMk cId="148759579" sldId="1037"/>
            <ac:spMk id="5" creationId="{98A8448E-48A7-C494-26D8-057D85CDBD76}"/>
          </ac:spMkLst>
        </pc:spChg>
        <pc:spChg chg="add del mod">
          <ac:chgData name="Laizet, Sebastien" userId="4c329518-9e12-4f6b-8afa-9dbe60ec0c36" providerId="ADAL" clId="{62EF9582-67D8-4837-9BC7-E30B81B5C308}" dt="2023-09-15T23:05:51.641" v="12590" actId="478"/>
          <ac:spMkLst>
            <pc:docMk/>
            <pc:sldMk cId="148759579" sldId="1037"/>
            <ac:spMk id="8" creationId="{89F02F37-9AD2-A71A-1087-D6AF7291EE29}"/>
          </ac:spMkLst>
        </pc:spChg>
        <pc:spChg chg="del">
          <ac:chgData name="Laizet, Sebastien" userId="4c329518-9e12-4f6b-8afa-9dbe60ec0c36" providerId="ADAL" clId="{62EF9582-67D8-4837-9BC7-E30B81B5C308}" dt="2023-09-13T22:33:48.654" v="7463" actId="478"/>
          <ac:spMkLst>
            <pc:docMk/>
            <pc:sldMk cId="148759579" sldId="1037"/>
            <ac:spMk id="32824" creationId="{9D1FDE77-F514-D91B-CA50-7EC973982C32}"/>
          </ac:spMkLst>
        </pc:spChg>
        <pc:graphicFrameChg chg="del">
          <ac:chgData name="Laizet, Sebastien" userId="4c329518-9e12-4f6b-8afa-9dbe60ec0c36" providerId="ADAL" clId="{62EF9582-67D8-4837-9BC7-E30B81B5C308}" dt="2023-09-13T22:33:45.032" v="7462" actId="478"/>
          <ac:graphicFrameMkLst>
            <pc:docMk/>
            <pc:sldMk cId="148759579" sldId="1037"/>
            <ac:graphicFrameMk id="4" creationId="{A6903E21-5EF4-AC2A-5097-84F2C4DE1CF7}"/>
          </ac:graphicFrameMkLst>
        </pc:graphicFrameChg>
        <pc:picChg chg="add mod">
          <ac:chgData name="Laizet, Sebastien" userId="4c329518-9e12-4f6b-8afa-9dbe60ec0c36" providerId="ADAL" clId="{62EF9582-67D8-4837-9BC7-E30B81B5C308}" dt="2023-09-15T23:07:40.654" v="12611" actId="1076"/>
          <ac:picMkLst>
            <pc:docMk/>
            <pc:sldMk cId="148759579" sldId="1037"/>
            <ac:picMk id="4" creationId="{20A3B2F1-785F-B3F0-8036-BC04CB7E9DD3}"/>
          </ac:picMkLst>
        </pc:picChg>
        <pc:picChg chg="add del">
          <ac:chgData name="Laizet, Sebastien" userId="4c329518-9e12-4f6b-8afa-9dbe60ec0c36" providerId="ADAL" clId="{62EF9582-67D8-4837-9BC7-E30B81B5C308}" dt="2023-09-13T22:39:48.634" v="7465" actId="478"/>
          <ac:picMkLst>
            <pc:docMk/>
            <pc:sldMk cId="148759579" sldId="1037"/>
            <ac:picMk id="5" creationId="{3B899F0C-3E17-E7DE-0EA4-A05913FE71BD}"/>
          </ac:picMkLst>
        </pc:picChg>
        <pc:picChg chg="add del mod">
          <ac:chgData name="Laizet, Sebastien" userId="4c329518-9e12-4f6b-8afa-9dbe60ec0c36" providerId="ADAL" clId="{62EF9582-67D8-4837-9BC7-E30B81B5C308}" dt="2023-09-13T22:45:38.804" v="7468" actId="478"/>
          <ac:picMkLst>
            <pc:docMk/>
            <pc:sldMk cId="148759579" sldId="1037"/>
            <ac:picMk id="7" creationId="{8462F15F-5848-7944-25F2-04A9CE36E525}"/>
          </ac:picMkLst>
        </pc:picChg>
      </pc:sldChg>
      <pc:sldChg chg="addSp delSp modSp mod ord delAnim modAnim">
        <pc:chgData name="Laizet, Sebastien" userId="4c329518-9e12-4f6b-8afa-9dbe60ec0c36" providerId="ADAL" clId="{62EF9582-67D8-4837-9BC7-E30B81B5C308}" dt="2023-09-14T18:15:12.216" v="7993" actId="1076"/>
        <pc:sldMkLst>
          <pc:docMk/>
          <pc:sldMk cId="880643743" sldId="1038"/>
        </pc:sldMkLst>
        <pc:spChg chg="add del mod">
          <ac:chgData name="Laizet, Sebastien" userId="4c329518-9e12-4f6b-8afa-9dbe60ec0c36" providerId="ADAL" clId="{62EF9582-67D8-4837-9BC7-E30B81B5C308}" dt="2023-09-14T07:28:03.417" v="7898" actId="478"/>
          <ac:spMkLst>
            <pc:docMk/>
            <pc:sldMk cId="880643743" sldId="1038"/>
            <ac:spMk id="2" creationId="{AE099375-1A52-6296-BB7E-83A92ADE4383}"/>
          </ac:spMkLst>
        </pc:spChg>
        <pc:spChg chg="add del mod">
          <ac:chgData name="Laizet, Sebastien" userId="4c329518-9e12-4f6b-8afa-9dbe60ec0c36" providerId="ADAL" clId="{62EF9582-67D8-4837-9BC7-E30B81B5C308}" dt="2023-09-14T07:28:03.417" v="7898" actId="478"/>
          <ac:spMkLst>
            <pc:docMk/>
            <pc:sldMk cId="880643743" sldId="1038"/>
            <ac:spMk id="4" creationId="{2EF185E2-95F2-0CC5-21A6-3868966BA3B1}"/>
          </ac:spMkLst>
        </pc:spChg>
        <pc:spChg chg="del mod">
          <ac:chgData name="Laizet, Sebastien" userId="4c329518-9e12-4f6b-8afa-9dbe60ec0c36" providerId="ADAL" clId="{62EF9582-67D8-4837-9BC7-E30B81B5C308}" dt="2023-09-14T07:28:06.656" v="7899" actId="478"/>
          <ac:spMkLst>
            <pc:docMk/>
            <pc:sldMk cId="880643743" sldId="1038"/>
            <ac:spMk id="6" creationId="{FCD5361C-D00F-4879-8EDF-324E13BF88BD}"/>
          </ac:spMkLst>
        </pc:spChg>
        <pc:spChg chg="del">
          <ac:chgData name="Laizet, Sebastien" userId="4c329518-9e12-4f6b-8afa-9dbe60ec0c36" providerId="ADAL" clId="{62EF9582-67D8-4837-9BC7-E30B81B5C308}" dt="2023-09-14T07:28:09.121" v="7900" actId="478"/>
          <ac:spMkLst>
            <pc:docMk/>
            <pc:sldMk cId="880643743" sldId="1038"/>
            <ac:spMk id="7" creationId="{514A21CA-19BD-496D-9E99-2F78AA6E4B22}"/>
          </ac:spMkLst>
        </pc:spChg>
        <pc:spChg chg="del">
          <ac:chgData name="Laizet, Sebastien" userId="4c329518-9e12-4f6b-8afa-9dbe60ec0c36" providerId="ADAL" clId="{62EF9582-67D8-4837-9BC7-E30B81B5C308}" dt="2023-09-14T07:28:03.417" v="7898" actId="478"/>
          <ac:spMkLst>
            <pc:docMk/>
            <pc:sldMk cId="880643743" sldId="1038"/>
            <ac:spMk id="10" creationId="{DBE87E56-4915-41ED-91F3-4057C979C0C4}"/>
          </ac:spMkLst>
        </pc:spChg>
        <pc:spChg chg="del">
          <ac:chgData name="Laizet, Sebastien" userId="4c329518-9e12-4f6b-8afa-9dbe60ec0c36" providerId="ADAL" clId="{62EF9582-67D8-4837-9BC7-E30B81B5C308}" dt="2023-09-14T07:28:03.417" v="7898" actId="478"/>
          <ac:spMkLst>
            <pc:docMk/>
            <pc:sldMk cId="880643743" sldId="1038"/>
            <ac:spMk id="12" creationId="{7CED45A1-5433-4D92-81E1-E2CC86AA9FAF}"/>
          </ac:spMkLst>
        </pc:spChg>
        <pc:spChg chg="del">
          <ac:chgData name="Laizet, Sebastien" userId="4c329518-9e12-4f6b-8afa-9dbe60ec0c36" providerId="ADAL" clId="{62EF9582-67D8-4837-9BC7-E30B81B5C308}" dt="2023-09-14T07:28:03.417" v="7898" actId="478"/>
          <ac:spMkLst>
            <pc:docMk/>
            <pc:sldMk cId="880643743" sldId="1038"/>
            <ac:spMk id="13" creationId="{BF384C64-C57E-4526-9D8C-DFC37ABED548}"/>
          </ac:spMkLst>
        </pc:spChg>
        <pc:spChg chg="del">
          <ac:chgData name="Laizet, Sebastien" userId="4c329518-9e12-4f6b-8afa-9dbe60ec0c36" providerId="ADAL" clId="{62EF9582-67D8-4837-9BC7-E30B81B5C308}" dt="2023-09-14T07:28:03.417" v="7898" actId="478"/>
          <ac:spMkLst>
            <pc:docMk/>
            <pc:sldMk cId="880643743" sldId="1038"/>
            <ac:spMk id="14" creationId="{06B52E4B-A64B-4662-98F2-0E0136ACC0E3}"/>
          </ac:spMkLst>
        </pc:spChg>
        <pc:spChg chg="del">
          <ac:chgData name="Laizet, Sebastien" userId="4c329518-9e12-4f6b-8afa-9dbe60ec0c36" providerId="ADAL" clId="{62EF9582-67D8-4837-9BC7-E30B81B5C308}" dt="2023-09-14T07:28:03.417" v="7898" actId="478"/>
          <ac:spMkLst>
            <pc:docMk/>
            <pc:sldMk cId="880643743" sldId="1038"/>
            <ac:spMk id="15" creationId="{AA2AB758-A65F-43E4-8579-980177351DFA}"/>
          </ac:spMkLst>
        </pc:spChg>
        <pc:spChg chg="mod">
          <ac:chgData name="Laizet, Sebastien" userId="4c329518-9e12-4f6b-8afa-9dbe60ec0c36" providerId="ADAL" clId="{62EF9582-67D8-4837-9BC7-E30B81B5C308}" dt="2023-09-14T18:15:12.216" v="7993" actId="1076"/>
          <ac:spMkLst>
            <pc:docMk/>
            <pc:sldMk cId="880643743" sldId="1038"/>
            <ac:spMk id="16" creationId="{4D1228C0-623C-4570-BA9F-9BD98AA2E251}"/>
          </ac:spMkLst>
        </pc:spChg>
      </pc:sldChg>
      <pc:sldChg chg="modAnim">
        <pc:chgData name="Laizet, Sebastien" userId="4c329518-9e12-4f6b-8afa-9dbe60ec0c36" providerId="ADAL" clId="{62EF9582-67D8-4837-9BC7-E30B81B5C308}" dt="2023-09-14T20:39:40.705" v="8854"/>
        <pc:sldMkLst>
          <pc:docMk/>
          <pc:sldMk cId="0" sldId="1039"/>
        </pc:sldMkLst>
      </pc:sldChg>
      <pc:sldChg chg="modAnim">
        <pc:chgData name="Laizet, Sebastien" userId="4c329518-9e12-4f6b-8afa-9dbe60ec0c36" providerId="ADAL" clId="{62EF9582-67D8-4837-9BC7-E30B81B5C308}" dt="2023-09-14T21:12:05.060" v="8856"/>
        <pc:sldMkLst>
          <pc:docMk/>
          <pc:sldMk cId="0" sldId="1040"/>
        </pc:sldMkLst>
      </pc:sldChg>
      <pc:sldChg chg="modAnim">
        <pc:chgData name="Laizet, Sebastien" userId="4c329518-9e12-4f6b-8afa-9dbe60ec0c36" providerId="ADAL" clId="{62EF9582-67D8-4837-9BC7-E30B81B5C308}" dt="2023-09-14T21:12:36.614" v="8858"/>
        <pc:sldMkLst>
          <pc:docMk/>
          <pc:sldMk cId="0" sldId="1041"/>
        </pc:sldMkLst>
      </pc:sldChg>
      <pc:sldChg chg="addSp modSp mod modAnim">
        <pc:chgData name="Laizet, Sebastien" userId="4c329518-9e12-4f6b-8afa-9dbe60ec0c36" providerId="ADAL" clId="{62EF9582-67D8-4837-9BC7-E30B81B5C308}" dt="2023-09-16T06:07:33.434" v="12772"/>
        <pc:sldMkLst>
          <pc:docMk/>
          <pc:sldMk cId="0" sldId="1042"/>
        </pc:sldMkLst>
        <pc:spChg chg="mod">
          <ac:chgData name="Laizet, Sebastien" userId="4c329518-9e12-4f6b-8afa-9dbe60ec0c36" providerId="ADAL" clId="{62EF9582-67D8-4837-9BC7-E30B81B5C308}" dt="2023-09-16T06:01:15.370" v="12766" actId="14100"/>
          <ac:spMkLst>
            <pc:docMk/>
            <pc:sldMk cId="0" sldId="1042"/>
            <ac:spMk id="6150" creationId="{4C13DE89-0CFF-E5F1-05B8-096184EE118E}"/>
          </ac:spMkLst>
        </pc:spChg>
        <pc:picChg chg="add mod">
          <ac:chgData name="Laizet, Sebastien" userId="4c329518-9e12-4f6b-8afa-9dbe60ec0c36" providerId="ADAL" clId="{62EF9582-67D8-4837-9BC7-E30B81B5C308}" dt="2023-09-16T06:07:25.787" v="12771" actId="1076"/>
          <ac:picMkLst>
            <pc:docMk/>
            <pc:sldMk cId="0" sldId="1042"/>
            <ac:picMk id="3" creationId="{10634350-D493-80CF-F897-ADACB3A73CED}"/>
          </ac:picMkLst>
        </pc:picChg>
      </pc:sldChg>
      <pc:sldChg chg="addSp delSp modSp mod">
        <pc:chgData name="Laizet, Sebastien" userId="4c329518-9e12-4f6b-8afa-9dbe60ec0c36" providerId="ADAL" clId="{62EF9582-67D8-4837-9BC7-E30B81B5C308}" dt="2023-09-14T21:53:04.236" v="9003" actId="14100"/>
        <pc:sldMkLst>
          <pc:docMk/>
          <pc:sldMk cId="276238274" sldId="1043"/>
        </pc:sldMkLst>
        <pc:spChg chg="del">
          <ac:chgData name="Laizet, Sebastien" userId="4c329518-9e12-4f6b-8afa-9dbe60ec0c36" providerId="ADAL" clId="{62EF9582-67D8-4837-9BC7-E30B81B5C308}" dt="2023-09-14T19:53:10.627" v="8800" actId="478"/>
          <ac:spMkLst>
            <pc:docMk/>
            <pc:sldMk cId="276238274" sldId="1043"/>
            <ac:spMk id="5" creationId="{D0E862FC-81A4-4CF0-9336-0ACBAA3DC09B}"/>
          </ac:spMkLst>
        </pc:spChg>
        <pc:spChg chg="add mod">
          <ac:chgData name="Laizet, Sebastien" userId="4c329518-9e12-4f6b-8afa-9dbe60ec0c36" providerId="ADAL" clId="{62EF9582-67D8-4837-9BC7-E30B81B5C308}" dt="2023-09-14T21:53:04.236" v="9003" actId="14100"/>
          <ac:spMkLst>
            <pc:docMk/>
            <pc:sldMk cId="276238274" sldId="1043"/>
            <ac:spMk id="8" creationId="{7C9342DB-04A0-3447-96D1-709AB5BF91D0}"/>
          </ac:spMkLst>
        </pc:spChg>
        <pc:picChg chg="del">
          <ac:chgData name="Laizet, Sebastien" userId="4c329518-9e12-4f6b-8afa-9dbe60ec0c36" providerId="ADAL" clId="{62EF9582-67D8-4837-9BC7-E30B81B5C308}" dt="2023-09-14T19:53:07.696" v="8799" actId="478"/>
          <ac:picMkLst>
            <pc:docMk/>
            <pc:sldMk cId="276238274" sldId="1043"/>
            <ac:picMk id="2" creationId="{E74B386B-EA75-4077-D763-915D64952EF6}"/>
          </ac:picMkLst>
        </pc:picChg>
        <pc:picChg chg="add mod">
          <ac:chgData name="Laizet, Sebastien" userId="4c329518-9e12-4f6b-8afa-9dbe60ec0c36" providerId="ADAL" clId="{62EF9582-67D8-4837-9BC7-E30B81B5C308}" dt="2023-09-14T19:54:59.138" v="8819" actId="1076"/>
          <ac:picMkLst>
            <pc:docMk/>
            <pc:sldMk cId="276238274" sldId="1043"/>
            <ac:picMk id="4" creationId="{67FD1855-6A6B-4466-C913-2EA98B1CBFA3}"/>
          </ac:picMkLst>
        </pc:picChg>
        <pc:picChg chg="add mod">
          <ac:chgData name="Laizet, Sebastien" userId="4c329518-9e12-4f6b-8afa-9dbe60ec0c36" providerId="ADAL" clId="{62EF9582-67D8-4837-9BC7-E30B81B5C308}" dt="2023-09-14T21:52:04.515" v="8978" actId="1076"/>
          <ac:picMkLst>
            <pc:docMk/>
            <pc:sldMk cId="276238274" sldId="1043"/>
            <ac:picMk id="6" creationId="{E7CA6482-330D-0960-BFCA-A9633A138C3E}"/>
          </ac:picMkLst>
        </pc:picChg>
        <pc:picChg chg="add mod">
          <ac:chgData name="Laizet, Sebastien" userId="4c329518-9e12-4f6b-8afa-9dbe60ec0c36" providerId="ADAL" clId="{62EF9582-67D8-4837-9BC7-E30B81B5C308}" dt="2023-09-14T19:54:54.108" v="8818" actId="1076"/>
          <ac:picMkLst>
            <pc:docMk/>
            <pc:sldMk cId="276238274" sldId="1043"/>
            <ac:picMk id="7" creationId="{5E1EB51C-DAED-B4C6-E1C8-BABE823C7750}"/>
          </ac:picMkLst>
        </pc:picChg>
      </pc:sldChg>
      <pc:sldChg chg="delSp del mod">
        <pc:chgData name="Laizet, Sebastien" userId="4c329518-9e12-4f6b-8afa-9dbe60ec0c36" providerId="ADAL" clId="{62EF9582-67D8-4837-9BC7-E30B81B5C308}" dt="2023-09-14T20:37:25.368" v="8851" actId="47"/>
        <pc:sldMkLst>
          <pc:docMk/>
          <pc:sldMk cId="1740666852" sldId="1044"/>
        </pc:sldMkLst>
        <pc:spChg chg="del">
          <ac:chgData name="Laizet, Sebastien" userId="4c329518-9e12-4f6b-8afa-9dbe60ec0c36" providerId="ADAL" clId="{62EF9582-67D8-4837-9BC7-E30B81B5C308}" dt="2023-09-14T20:29:26.564" v="8847" actId="478"/>
          <ac:spMkLst>
            <pc:docMk/>
            <pc:sldMk cId="1740666852" sldId="1044"/>
            <ac:spMk id="8" creationId="{89F02F37-9AD2-A71A-1087-D6AF7291EE29}"/>
          </ac:spMkLst>
        </pc:spChg>
      </pc:sldChg>
      <pc:sldChg chg="addSp modSp mod ord modAnim">
        <pc:chgData name="Laizet, Sebastien" userId="4c329518-9e12-4f6b-8afa-9dbe60ec0c36" providerId="ADAL" clId="{62EF9582-67D8-4837-9BC7-E30B81B5C308}" dt="2023-09-14T23:08:56.746" v="9933" actId="20577"/>
        <pc:sldMkLst>
          <pc:docMk/>
          <pc:sldMk cId="993438244" sldId="1045"/>
        </pc:sldMkLst>
        <pc:spChg chg="add mod">
          <ac:chgData name="Laizet, Sebastien" userId="4c329518-9e12-4f6b-8afa-9dbe60ec0c36" providerId="ADAL" clId="{62EF9582-67D8-4837-9BC7-E30B81B5C308}" dt="2023-09-14T23:05:37.804" v="9768" actId="14100"/>
          <ac:spMkLst>
            <pc:docMk/>
            <pc:sldMk cId="993438244" sldId="1045"/>
            <ac:spMk id="4" creationId="{E07D42B1-21DE-EBDC-1FA4-A7CA7AFB8F3D}"/>
          </ac:spMkLst>
        </pc:spChg>
        <pc:spChg chg="add mod">
          <ac:chgData name="Laizet, Sebastien" userId="4c329518-9e12-4f6b-8afa-9dbe60ec0c36" providerId="ADAL" clId="{62EF9582-67D8-4837-9BC7-E30B81B5C308}" dt="2023-09-14T23:05:58.305" v="9775" actId="14100"/>
          <ac:spMkLst>
            <pc:docMk/>
            <pc:sldMk cId="993438244" sldId="1045"/>
            <ac:spMk id="5" creationId="{D96B9C55-7B55-7F78-5777-DC7CCAA7E59B}"/>
          </ac:spMkLst>
        </pc:spChg>
        <pc:spChg chg="add mod">
          <ac:chgData name="Laizet, Sebastien" userId="4c329518-9e12-4f6b-8afa-9dbe60ec0c36" providerId="ADAL" clId="{62EF9582-67D8-4837-9BC7-E30B81B5C308}" dt="2023-09-14T23:05:08.538" v="9726" actId="20577"/>
          <ac:spMkLst>
            <pc:docMk/>
            <pc:sldMk cId="993438244" sldId="1045"/>
            <ac:spMk id="6" creationId="{BDCAB89E-F7A3-18E8-CA7C-A445272A2B5B}"/>
          </ac:spMkLst>
        </pc:spChg>
        <pc:spChg chg="add mod">
          <ac:chgData name="Laizet, Sebastien" userId="4c329518-9e12-4f6b-8afa-9dbe60ec0c36" providerId="ADAL" clId="{62EF9582-67D8-4837-9BC7-E30B81B5C308}" dt="2023-09-14T23:08:56.746" v="9933" actId="20577"/>
          <ac:spMkLst>
            <pc:docMk/>
            <pc:sldMk cId="993438244" sldId="1045"/>
            <ac:spMk id="7" creationId="{C2A413E1-F6A4-B816-4157-8B592654ACC4}"/>
          </ac:spMkLst>
        </pc:spChg>
        <pc:spChg chg="add mod">
          <ac:chgData name="Laizet, Sebastien" userId="4c329518-9e12-4f6b-8afa-9dbe60ec0c36" providerId="ADAL" clId="{62EF9582-67D8-4837-9BC7-E30B81B5C308}" dt="2023-09-14T23:07:21.146" v="9917" actId="1076"/>
          <ac:spMkLst>
            <pc:docMk/>
            <pc:sldMk cId="993438244" sldId="1045"/>
            <ac:spMk id="8" creationId="{E3F42144-1ADE-7C40-E3B8-B1ECB54EB5DB}"/>
          </ac:spMkLst>
        </pc:spChg>
        <pc:picChg chg="add mod">
          <ac:chgData name="Laizet, Sebastien" userId="4c329518-9e12-4f6b-8afa-9dbe60ec0c36" providerId="ADAL" clId="{62EF9582-67D8-4837-9BC7-E30B81B5C308}" dt="2023-09-14T23:05:12.728" v="9727" actId="1076"/>
          <ac:picMkLst>
            <pc:docMk/>
            <pc:sldMk cId="993438244" sldId="1045"/>
            <ac:picMk id="2" creationId="{2F1B5432-7B11-2980-ED8A-6D91D7975FF1}"/>
          </ac:picMkLst>
        </pc:picChg>
      </pc:sldChg>
      <pc:sldChg chg="del">
        <pc:chgData name="Laizet, Sebastien" userId="4c329518-9e12-4f6b-8afa-9dbe60ec0c36" providerId="ADAL" clId="{62EF9582-67D8-4837-9BC7-E30B81B5C308}" dt="2023-09-14T23:09:30.003" v="9934" actId="47"/>
        <pc:sldMkLst>
          <pc:docMk/>
          <pc:sldMk cId="1724953065" sldId="1046"/>
        </pc:sldMkLst>
      </pc:sldChg>
      <pc:sldChg chg="addSp modSp mod modAnim">
        <pc:chgData name="Laizet, Sebastien" userId="4c329518-9e12-4f6b-8afa-9dbe60ec0c36" providerId="ADAL" clId="{62EF9582-67D8-4837-9BC7-E30B81B5C308}" dt="2023-09-14T22:25:37.046" v="9282"/>
        <pc:sldMkLst>
          <pc:docMk/>
          <pc:sldMk cId="2937542654" sldId="1047"/>
        </pc:sldMkLst>
        <pc:spChg chg="add mod">
          <ac:chgData name="Laizet, Sebastien" userId="4c329518-9e12-4f6b-8afa-9dbe60ec0c36" providerId="ADAL" clId="{62EF9582-67D8-4837-9BC7-E30B81B5C308}" dt="2023-09-14T22:06:43.336" v="9207"/>
          <ac:spMkLst>
            <pc:docMk/>
            <pc:sldMk cId="2937542654" sldId="1047"/>
            <ac:spMk id="2" creationId="{252E45F6-FB3E-2127-26D9-A712A82DE8B7}"/>
          </ac:spMkLst>
        </pc:spChg>
        <pc:picChg chg="mod">
          <ac:chgData name="Laizet, Sebastien" userId="4c329518-9e12-4f6b-8afa-9dbe60ec0c36" providerId="ADAL" clId="{62EF9582-67D8-4837-9BC7-E30B81B5C308}" dt="2023-09-14T22:25:32.435" v="9281" actId="1076"/>
          <ac:picMkLst>
            <pc:docMk/>
            <pc:sldMk cId="2937542654" sldId="1047"/>
            <ac:picMk id="6" creationId="{2D3C5152-44A7-84DE-F78D-17884434EEF5}"/>
          </ac:picMkLst>
        </pc:picChg>
      </pc:sldChg>
      <pc:sldChg chg="delSp mod ord delAnim modAnim">
        <pc:chgData name="Laizet, Sebastien" userId="4c329518-9e12-4f6b-8afa-9dbe60ec0c36" providerId="ADAL" clId="{62EF9582-67D8-4837-9BC7-E30B81B5C308}" dt="2023-09-14T22:23:37.920" v="9275"/>
        <pc:sldMkLst>
          <pc:docMk/>
          <pc:sldMk cId="2229263358" sldId="1048"/>
        </pc:sldMkLst>
        <pc:spChg chg="del">
          <ac:chgData name="Laizet, Sebastien" userId="4c329518-9e12-4f6b-8afa-9dbe60ec0c36" providerId="ADAL" clId="{62EF9582-67D8-4837-9BC7-E30B81B5C308}" dt="2023-09-14T22:21:06.392" v="9269" actId="478"/>
          <ac:spMkLst>
            <pc:docMk/>
            <pc:sldMk cId="2229263358" sldId="1048"/>
            <ac:spMk id="2" creationId="{4C5F1680-FAB9-7440-AD48-938BE215F701}"/>
          </ac:spMkLst>
        </pc:spChg>
        <pc:picChg chg="del">
          <ac:chgData name="Laizet, Sebastien" userId="4c329518-9e12-4f6b-8afa-9dbe60ec0c36" providerId="ADAL" clId="{62EF9582-67D8-4837-9BC7-E30B81B5C308}" dt="2023-09-14T22:21:06.392" v="9269" actId="478"/>
          <ac:picMkLst>
            <pc:docMk/>
            <pc:sldMk cId="2229263358" sldId="1048"/>
            <ac:picMk id="14" creationId="{F7492112-B1E6-D688-F8A4-8ABC85AC1E5F}"/>
          </ac:picMkLst>
        </pc:picChg>
        <pc:picChg chg="del">
          <ac:chgData name="Laizet, Sebastien" userId="4c329518-9e12-4f6b-8afa-9dbe60ec0c36" providerId="ADAL" clId="{62EF9582-67D8-4837-9BC7-E30B81B5C308}" dt="2023-09-14T22:21:06.392" v="9269" actId="478"/>
          <ac:picMkLst>
            <pc:docMk/>
            <pc:sldMk cId="2229263358" sldId="1048"/>
            <ac:picMk id="16" creationId="{AFB64FEB-D69E-FAC1-57AD-662F77F15CEA}"/>
          </ac:picMkLst>
        </pc:picChg>
        <pc:picChg chg="del">
          <ac:chgData name="Laizet, Sebastien" userId="4c329518-9e12-4f6b-8afa-9dbe60ec0c36" providerId="ADAL" clId="{62EF9582-67D8-4837-9BC7-E30B81B5C308}" dt="2023-09-14T22:21:06.392" v="9269" actId="478"/>
          <ac:picMkLst>
            <pc:docMk/>
            <pc:sldMk cId="2229263358" sldId="1048"/>
            <ac:picMk id="18" creationId="{3F671AFE-13E5-27D5-B649-F62E04D71B63}"/>
          </ac:picMkLst>
        </pc:picChg>
      </pc:sldChg>
      <pc:sldChg chg="addSp delSp modSp mod modAnim">
        <pc:chgData name="Laizet, Sebastien" userId="4c329518-9e12-4f6b-8afa-9dbe60ec0c36" providerId="ADAL" clId="{62EF9582-67D8-4837-9BC7-E30B81B5C308}" dt="2023-09-15T22:52:46.674" v="12589"/>
        <pc:sldMkLst>
          <pc:docMk/>
          <pc:sldMk cId="2255157319" sldId="1050"/>
        </pc:sldMkLst>
        <pc:spChg chg="del">
          <ac:chgData name="Laizet, Sebastien" userId="4c329518-9e12-4f6b-8afa-9dbe60ec0c36" providerId="ADAL" clId="{62EF9582-67D8-4837-9BC7-E30B81B5C308}" dt="2023-09-14T23:16:28.762" v="10342" actId="478"/>
          <ac:spMkLst>
            <pc:docMk/>
            <pc:sldMk cId="2255157319" sldId="1050"/>
            <ac:spMk id="3" creationId="{C1BCFE34-E213-7917-824F-F9B761F335C8}"/>
          </ac:spMkLst>
        </pc:spChg>
        <pc:spChg chg="mod">
          <ac:chgData name="Laizet, Sebastien" userId="4c329518-9e12-4f6b-8afa-9dbe60ec0c36" providerId="ADAL" clId="{62EF9582-67D8-4837-9BC7-E30B81B5C308}" dt="2023-09-14T23:18:50.945" v="10497" actId="14100"/>
          <ac:spMkLst>
            <pc:docMk/>
            <pc:sldMk cId="2255157319" sldId="1050"/>
            <ac:spMk id="4" creationId="{E07D42B1-21DE-EBDC-1FA4-A7CA7AFB8F3D}"/>
          </ac:spMkLst>
        </pc:spChg>
        <pc:spChg chg="mod">
          <ac:chgData name="Laizet, Sebastien" userId="4c329518-9e12-4f6b-8afa-9dbe60ec0c36" providerId="ADAL" clId="{62EF9582-67D8-4837-9BC7-E30B81B5C308}" dt="2023-09-14T23:11:05.284" v="10091" actId="20577"/>
          <ac:spMkLst>
            <pc:docMk/>
            <pc:sldMk cId="2255157319" sldId="1050"/>
            <ac:spMk id="5" creationId="{D96B9C55-7B55-7F78-5777-DC7CCAA7E59B}"/>
          </ac:spMkLst>
        </pc:spChg>
        <pc:spChg chg="mod">
          <ac:chgData name="Laizet, Sebastien" userId="4c329518-9e12-4f6b-8afa-9dbe60ec0c36" providerId="ADAL" clId="{62EF9582-67D8-4837-9BC7-E30B81B5C308}" dt="2023-09-14T23:18:41.746" v="10496" actId="20577"/>
          <ac:spMkLst>
            <pc:docMk/>
            <pc:sldMk cId="2255157319" sldId="1050"/>
            <ac:spMk id="6" creationId="{BDCAB89E-F7A3-18E8-CA7C-A445272A2B5B}"/>
          </ac:spMkLst>
        </pc:spChg>
        <pc:spChg chg="mod">
          <ac:chgData name="Laizet, Sebastien" userId="4c329518-9e12-4f6b-8afa-9dbe60ec0c36" providerId="ADAL" clId="{62EF9582-67D8-4837-9BC7-E30B81B5C308}" dt="2023-09-14T23:17:34.090" v="10352" actId="1076"/>
          <ac:spMkLst>
            <pc:docMk/>
            <pc:sldMk cId="2255157319" sldId="1050"/>
            <ac:spMk id="7" creationId="{C2A413E1-F6A4-B816-4157-8B592654ACC4}"/>
          </ac:spMkLst>
        </pc:spChg>
        <pc:spChg chg="mod">
          <ac:chgData name="Laizet, Sebastien" userId="4c329518-9e12-4f6b-8afa-9dbe60ec0c36" providerId="ADAL" clId="{62EF9582-67D8-4837-9BC7-E30B81B5C308}" dt="2023-09-14T23:09:47.546" v="9969" actId="20577"/>
          <ac:spMkLst>
            <pc:docMk/>
            <pc:sldMk cId="2255157319" sldId="1050"/>
            <ac:spMk id="8" creationId="{E3F42144-1ADE-7C40-E3B8-B1ECB54EB5DB}"/>
          </ac:spMkLst>
        </pc:spChg>
        <pc:spChg chg="add del mod">
          <ac:chgData name="Laizet, Sebastien" userId="4c329518-9e12-4f6b-8afa-9dbe60ec0c36" providerId="ADAL" clId="{62EF9582-67D8-4837-9BC7-E30B81B5C308}" dt="2023-09-14T23:16:33.869" v="10344" actId="478"/>
          <ac:spMkLst>
            <pc:docMk/>
            <pc:sldMk cId="2255157319" sldId="1050"/>
            <ac:spMk id="10" creationId="{9EB80CDF-CFD1-8AD6-B720-64357F87DF0B}"/>
          </ac:spMkLst>
        </pc:spChg>
        <pc:picChg chg="del">
          <ac:chgData name="Laizet, Sebastien" userId="4c329518-9e12-4f6b-8afa-9dbe60ec0c36" providerId="ADAL" clId="{62EF9582-67D8-4837-9BC7-E30B81B5C308}" dt="2023-09-15T22:52:21.344" v="12585" actId="478"/>
          <ac:picMkLst>
            <pc:docMk/>
            <pc:sldMk cId="2255157319" sldId="1050"/>
            <ac:picMk id="2" creationId="{2F1B5432-7B11-2980-ED8A-6D91D7975FF1}"/>
          </ac:picMkLst>
        </pc:picChg>
        <pc:picChg chg="add mod">
          <ac:chgData name="Laizet, Sebastien" userId="4c329518-9e12-4f6b-8afa-9dbe60ec0c36" providerId="ADAL" clId="{62EF9582-67D8-4837-9BC7-E30B81B5C308}" dt="2023-09-15T22:52:30.118" v="12588" actId="1076"/>
          <ac:picMkLst>
            <pc:docMk/>
            <pc:sldMk cId="2255157319" sldId="1050"/>
            <ac:picMk id="12" creationId="{04571C4F-9AB9-1EFC-E06C-A15A4144E464}"/>
          </ac:picMkLst>
        </pc:picChg>
      </pc:sldChg>
      <pc:sldChg chg="addSp delSp modSp mod delAnim modAnim">
        <pc:chgData name="Laizet, Sebastien" userId="4c329518-9e12-4f6b-8afa-9dbe60ec0c36" providerId="ADAL" clId="{62EF9582-67D8-4837-9BC7-E30B81B5C308}" dt="2023-09-14T23:24:09.646" v="10543"/>
        <pc:sldMkLst>
          <pc:docMk/>
          <pc:sldMk cId="4132653091" sldId="1051"/>
        </pc:sldMkLst>
        <pc:spChg chg="del">
          <ac:chgData name="Laizet, Sebastien" userId="4c329518-9e12-4f6b-8afa-9dbe60ec0c36" providerId="ADAL" clId="{62EF9582-67D8-4837-9BC7-E30B81B5C308}" dt="2023-09-14T23:20:56.938" v="10509" actId="478"/>
          <ac:spMkLst>
            <pc:docMk/>
            <pc:sldMk cId="4132653091" sldId="1051"/>
            <ac:spMk id="4" creationId="{E07D42B1-21DE-EBDC-1FA4-A7CA7AFB8F3D}"/>
          </ac:spMkLst>
        </pc:spChg>
        <pc:spChg chg="del">
          <ac:chgData name="Laizet, Sebastien" userId="4c329518-9e12-4f6b-8afa-9dbe60ec0c36" providerId="ADAL" clId="{62EF9582-67D8-4837-9BC7-E30B81B5C308}" dt="2023-09-14T23:20:49.324" v="10506" actId="478"/>
          <ac:spMkLst>
            <pc:docMk/>
            <pc:sldMk cId="4132653091" sldId="1051"/>
            <ac:spMk id="6" creationId="{BDCAB89E-F7A3-18E8-CA7C-A445272A2B5B}"/>
          </ac:spMkLst>
        </pc:spChg>
        <pc:spChg chg="del mod">
          <ac:chgData name="Laizet, Sebastien" userId="4c329518-9e12-4f6b-8afa-9dbe60ec0c36" providerId="ADAL" clId="{62EF9582-67D8-4837-9BC7-E30B81B5C308}" dt="2023-09-14T23:20:46.682" v="10505" actId="478"/>
          <ac:spMkLst>
            <pc:docMk/>
            <pc:sldMk cId="4132653091" sldId="1051"/>
            <ac:spMk id="7" creationId="{C2A413E1-F6A4-B816-4157-8B592654ACC4}"/>
          </ac:spMkLst>
        </pc:spChg>
        <pc:spChg chg="del">
          <ac:chgData name="Laizet, Sebastien" userId="4c329518-9e12-4f6b-8afa-9dbe60ec0c36" providerId="ADAL" clId="{62EF9582-67D8-4837-9BC7-E30B81B5C308}" dt="2023-09-14T23:20:54.155" v="10508" actId="478"/>
          <ac:spMkLst>
            <pc:docMk/>
            <pc:sldMk cId="4132653091" sldId="1051"/>
            <ac:spMk id="8" creationId="{E3F42144-1ADE-7C40-E3B8-B1ECB54EB5DB}"/>
          </ac:spMkLst>
        </pc:spChg>
        <pc:picChg chg="del">
          <ac:chgData name="Laizet, Sebastien" userId="4c329518-9e12-4f6b-8afa-9dbe60ec0c36" providerId="ADAL" clId="{62EF9582-67D8-4837-9BC7-E30B81B5C308}" dt="2023-09-14T23:20:51.048" v="10507" actId="478"/>
          <ac:picMkLst>
            <pc:docMk/>
            <pc:sldMk cId="4132653091" sldId="1051"/>
            <ac:picMk id="2" creationId="{2F1B5432-7B11-2980-ED8A-6D91D7975FF1}"/>
          </ac:picMkLst>
        </pc:picChg>
        <pc:picChg chg="add mod">
          <ac:chgData name="Laizet, Sebastien" userId="4c329518-9e12-4f6b-8afa-9dbe60ec0c36" providerId="ADAL" clId="{62EF9582-67D8-4837-9BC7-E30B81B5C308}" dt="2023-09-14T23:22:49.561" v="10528" actId="1076"/>
          <ac:picMkLst>
            <pc:docMk/>
            <pc:sldMk cId="4132653091" sldId="1051"/>
            <ac:picMk id="3" creationId="{C2A02ED1-BAA0-D60D-2C29-1BAE0B5F2647}"/>
          </ac:picMkLst>
        </pc:picChg>
        <pc:picChg chg="add del mod">
          <ac:chgData name="Laizet, Sebastien" userId="4c329518-9e12-4f6b-8afa-9dbe60ec0c36" providerId="ADAL" clId="{62EF9582-67D8-4837-9BC7-E30B81B5C308}" dt="2023-09-14T23:21:37.719" v="10514" actId="478"/>
          <ac:picMkLst>
            <pc:docMk/>
            <pc:sldMk cId="4132653091" sldId="1051"/>
            <ac:picMk id="9" creationId="{935BC100-0361-2B40-E25D-3559136594A9}"/>
          </ac:picMkLst>
        </pc:picChg>
        <pc:picChg chg="add mod">
          <ac:chgData name="Laizet, Sebastien" userId="4c329518-9e12-4f6b-8afa-9dbe60ec0c36" providerId="ADAL" clId="{62EF9582-67D8-4837-9BC7-E30B81B5C308}" dt="2023-09-14T23:23:05.791" v="10534" actId="1076"/>
          <ac:picMkLst>
            <pc:docMk/>
            <pc:sldMk cId="4132653091" sldId="1051"/>
            <ac:picMk id="10" creationId="{5A70AAB4-83D7-5F79-139E-4D41AEF43E10}"/>
          </ac:picMkLst>
        </pc:picChg>
        <pc:picChg chg="add mod">
          <ac:chgData name="Laizet, Sebastien" userId="4c329518-9e12-4f6b-8afa-9dbe60ec0c36" providerId="ADAL" clId="{62EF9582-67D8-4837-9BC7-E30B81B5C308}" dt="2023-09-14T23:24:04.780" v="10542" actId="1076"/>
          <ac:picMkLst>
            <pc:docMk/>
            <pc:sldMk cId="4132653091" sldId="1051"/>
            <ac:picMk id="11" creationId="{6D442D3C-B445-9888-6A91-B622CD859BC8}"/>
          </ac:picMkLst>
        </pc:picChg>
        <pc:picChg chg="add mod">
          <ac:chgData name="Laizet, Sebastien" userId="4c329518-9e12-4f6b-8afa-9dbe60ec0c36" providerId="ADAL" clId="{62EF9582-67D8-4837-9BC7-E30B81B5C308}" dt="2023-09-14T23:23:36.993" v="10538" actId="1076"/>
          <ac:picMkLst>
            <pc:docMk/>
            <pc:sldMk cId="4132653091" sldId="1051"/>
            <ac:picMk id="13" creationId="{344D25F4-F010-FF2C-D4A8-4A5C661CD45E}"/>
          </ac:picMkLst>
        </pc:picChg>
      </pc:sldChg>
      <pc:sldChg chg="delSp modSp del mod delAnim">
        <pc:chgData name="Laizet, Sebastien" userId="4c329518-9e12-4f6b-8afa-9dbe60ec0c36" providerId="ADAL" clId="{62EF9582-67D8-4837-9BC7-E30B81B5C308}" dt="2023-09-15T22:38:41.301" v="12526" actId="47"/>
        <pc:sldMkLst>
          <pc:docMk/>
          <pc:sldMk cId="1307076950" sldId="1052"/>
        </pc:sldMkLst>
        <pc:spChg chg="del mod">
          <ac:chgData name="Laizet, Sebastien" userId="4c329518-9e12-4f6b-8afa-9dbe60ec0c36" providerId="ADAL" clId="{62EF9582-67D8-4837-9BC7-E30B81B5C308}" dt="2023-09-15T22:16:53.191" v="12383" actId="478"/>
          <ac:spMkLst>
            <pc:docMk/>
            <pc:sldMk cId="1307076950" sldId="1052"/>
            <ac:spMk id="2" creationId="{C27CE463-C6C5-47E5-AF3A-1CBA14085A27}"/>
          </ac:spMkLst>
        </pc:spChg>
        <pc:spChg chg="del">
          <ac:chgData name="Laizet, Sebastien" userId="4c329518-9e12-4f6b-8afa-9dbe60ec0c36" providerId="ADAL" clId="{62EF9582-67D8-4837-9BC7-E30B81B5C308}" dt="2023-09-15T22:16:46.021" v="12380" actId="478"/>
          <ac:spMkLst>
            <pc:docMk/>
            <pc:sldMk cId="1307076950" sldId="1052"/>
            <ac:spMk id="3" creationId="{712B4AED-2B67-BCCA-F480-13416DDD94BB}"/>
          </ac:spMkLst>
        </pc:spChg>
        <pc:spChg chg="del">
          <ac:chgData name="Laizet, Sebastien" userId="4c329518-9e12-4f6b-8afa-9dbe60ec0c36" providerId="ADAL" clId="{62EF9582-67D8-4837-9BC7-E30B81B5C308}" dt="2023-09-15T22:16:49.496" v="12381" actId="478"/>
          <ac:spMkLst>
            <pc:docMk/>
            <pc:sldMk cId="1307076950" sldId="1052"/>
            <ac:spMk id="4" creationId="{802809B4-2F4C-03D5-DB39-8C0AE5133468}"/>
          </ac:spMkLst>
        </pc:spChg>
        <pc:spChg chg="del">
          <ac:chgData name="Laizet, Sebastien" userId="4c329518-9e12-4f6b-8afa-9dbe60ec0c36" providerId="ADAL" clId="{62EF9582-67D8-4837-9BC7-E30B81B5C308}" dt="2023-09-15T22:16:41.499" v="12379" actId="478"/>
          <ac:spMkLst>
            <pc:docMk/>
            <pc:sldMk cId="1307076950" sldId="1052"/>
            <ac:spMk id="12" creationId="{2D48CE7F-A4E7-46B7-A699-B27216AA962E}"/>
          </ac:spMkLst>
        </pc:spChg>
      </pc:sldChg>
      <pc:sldChg chg="del">
        <pc:chgData name="Laizet, Sebastien" userId="4c329518-9e12-4f6b-8afa-9dbe60ec0c36" providerId="ADAL" clId="{62EF9582-67D8-4837-9BC7-E30B81B5C308}" dt="2023-09-15T22:38:38.957" v="12525" actId="47"/>
        <pc:sldMkLst>
          <pc:docMk/>
          <pc:sldMk cId="67651665" sldId="1053"/>
        </pc:sldMkLst>
      </pc:sldChg>
      <pc:sldChg chg="del">
        <pc:chgData name="Laizet, Sebastien" userId="4c329518-9e12-4f6b-8afa-9dbe60ec0c36" providerId="ADAL" clId="{62EF9582-67D8-4837-9BC7-E30B81B5C308}" dt="2023-09-15T22:38:36.297" v="12524" actId="47"/>
        <pc:sldMkLst>
          <pc:docMk/>
          <pc:sldMk cId="960442505" sldId="1054"/>
        </pc:sldMkLst>
      </pc:sldChg>
      <pc:sldChg chg="addSp modSp mod modAnim">
        <pc:chgData name="Laizet, Sebastien" userId="4c329518-9e12-4f6b-8afa-9dbe60ec0c36" providerId="ADAL" clId="{62EF9582-67D8-4837-9BC7-E30B81B5C308}" dt="2023-09-15T22:38:29.953" v="12523"/>
        <pc:sldMkLst>
          <pc:docMk/>
          <pc:sldMk cId="1709436175" sldId="1055"/>
        </pc:sldMkLst>
        <pc:spChg chg="add mod">
          <ac:chgData name="Laizet, Sebastien" userId="4c329518-9e12-4f6b-8afa-9dbe60ec0c36" providerId="ADAL" clId="{62EF9582-67D8-4837-9BC7-E30B81B5C308}" dt="2023-09-15T22:37:03.772" v="12512" actId="1076"/>
          <ac:spMkLst>
            <pc:docMk/>
            <pc:sldMk cId="1709436175" sldId="1055"/>
            <ac:spMk id="7" creationId="{28BAEFD3-C002-B72D-0E4F-A540AB046C58}"/>
          </ac:spMkLst>
        </pc:spChg>
        <pc:spChg chg="add mod">
          <ac:chgData name="Laizet, Sebastien" userId="4c329518-9e12-4f6b-8afa-9dbe60ec0c36" providerId="ADAL" clId="{62EF9582-67D8-4837-9BC7-E30B81B5C308}" dt="2023-09-15T22:37:32.557" v="12517" actId="1076"/>
          <ac:spMkLst>
            <pc:docMk/>
            <pc:sldMk cId="1709436175" sldId="1055"/>
            <ac:spMk id="8" creationId="{6AD715FA-FE6B-8480-B695-1B24D882E74D}"/>
          </ac:spMkLst>
        </pc:spChg>
        <pc:spChg chg="add mod">
          <ac:chgData name="Laizet, Sebastien" userId="4c329518-9e12-4f6b-8afa-9dbe60ec0c36" providerId="ADAL" clId="{62EF9582-67D8-4837-9BC7-E30B81B5C308}" dt="2023-09-15T22:36:54.034" v="12510" actId="1076"/>
          <ac:spMkLst>
            <pc:docMk/>
            <pc:sldMk cId="1709436175" sldId="1055"/>
            <ac:spMk id="12" creationId="{74867676-CE36-1056-12B5-3FFF5753F122}"/>
          </ac:spMkLst>
        </pc:spChg>
        <pc:spChg chg="add mod">
          <ac:chgData name="Laizet, Sebastien" userId="4c329518-9e12-4f6b-8afa-9dbe60ec0c36" providerId="ADAL" clId="{62EF9582-67D8-4837-9BC7-E30B81B5C308}" dt="2023-09-15T22:37:11.244" v="12513" actId="1076"/>
          <ac:spMkLst>
            <pc:docMk/>
            <pc:sldMk cId="1709436175" sldId="1055"/>
            <ac:spMk id="15" creationId="{F18293C4-7C98-4273-6282-BD5EBAE0F9C1}"/>
          </ac:spMkLst>
        </pc:spChg>
        <pc:picChg chg="add mod">
          <ac:chgData name="Laizet, Sebastien" userId="4c329518-9e12-4f6b-8afa-9dbe60ec0c36" providerId="ADAL" clId="{62EF9582-67D8-4837-9BC7-E30B81B5C308}" dt="2023-09-15T22:37:35.248" v="12518" actId="1076"/>
          <ac:picMkLst>
            <pc:docMk/>
            <pc:sldMk cId="1709436175" sldId="1055"/>
            <ac:picMk id="3" creationId="{2AA7D502-EC7A-FF83-6366-3CBA9D580F0B}"/>
          </ac:picMkLst>
        </pc:picChg>
        <pc:picChg chg="add mod">
          <ac:chgData name="Laizet, Sebastien" userId="4c329518-9e12-4f6b-8afa-9dbe60ec0c36" providerId="ADAL" clId="{62EF9582-67D8-4837-9BC7-E30B81B5C308}" dt="2023-09-15T22:37:32.557" v="12517" actId="1076"/>
          <ac:picMkLst>
            <pc:docMk/>
            <pc:sldMk cId="1709436175" sldId="1055"/>
            <ac:picMk id="6" creationId="{97ABE948-CB24-CB36-D322-3ED3BB8525E4}"/>
          </ac:picMkLst>
        </pc:picChg>
        <pc:picChg chg="add mod">
          <ac:chgData name="Laizet, Sebastien" userId="4c329518-9e12-4f6b-8afa-9dbe60ec0c36" providerId="ADAL" clId="{62EF9582-67D8-4837-9BC7-E30B81B5C308}" dt="2023-09-15T22:36:49.268" v="12509" actId="1076"/>
          <ac:picMkLst>
            <pc:docMk/>
            <pc:sldMk cId="1709436175" sldId="1055"/>
            <ac:picMk id="11" creationId="{2D8A3590-F7B2-8534-DA52-04BE80222F73}"/>
          </ac:picMkLst>
        </pc:picChg>
        <pc:picChg chg="add mod">
          <ac:chgData name="Laizet, Sebastien" userId="4c329518-9e12-4f6b-8afa-9dbe60ec0c36" providerId="ADAL" clId="{62EF9582-67D8-4837-9BC7-E30B81B5C308}" dt="2023-09-15T22:37:11.244" v="12513" actId="1076"/>
          <ac:picMkLst>
            <pc:docMk/>
            <pc:sldMk cId="1709436175" sldId="1055"/>
            <ac:picMk id="14" creationId="{91603A2F-53D9-294C-6767-A8928383DAA1}"/>
          </ac:picMkLst>
        </pc:picChg>
        <pc:picChg chg="add mod">
          <ac:chgData name="Laizet, Sebastien" userId="4c329518-9e12-4f6b-8afa-9dbe60ec0c36" providerId="ADAL" clId="{62EF9582-67D8-4837-9BC7-E30B81B5C308}" dt="2023-09-15T22:37:19.772" v="12515" actId="1076"/>
          <ac:picMkLst>
            <pc:docMk/>
            <pc:sldMk cId="1709436175" sldId="1055"/>
            <ac:picMk id="17" creationId="{417BB4B6-656A-AED9-210A-1419E3471A90}"/>
          </ac:picMkLst>
        </pc:picChg>
      </pc:sldChg>
      <pc:sldChg chg="addSp delSp modSp mod delAnim modAnim">
        <pc:chgData name="Laizet, Sebastien" userId="4c329518-9e12-4f6b-8afa-9dbe60ec0c36" providerId="ADAL" clId="{62EF9582-67D8-4837-9BC7-E30B81B5C308}" dt="2023-09-16T08:32:43.720" v="13055"/>
        <pc:sldMkLst>
          <pc:docMk/>
          <pc:sldMk cId="446330339" sldId="1056"/>
        </pc:sldMkLst>
        <pc:spChg chg="del">
          <ac:chgData name="Laizet, Sebastien" userId="4c329518-9e12-4f6b-8afa-9dbe60ec0c36" providerId="ADAL" clId="{62EF9582-67D8-4837-9BC7-E30B81B5C308}" dt="2023-09-16T06:15:00.841" v="12841" actId="478"/>
          <ac:spMkLst>
            <pc:docMk/>
            <pc:sldMk cId="446330339" sldId="1056"/>
            <ac:spMk id="2" creationId="{C27CE463-C6C5-47E5-AF3A-1CBA14085A27}"/>
          </ac:spMkLst>
        </pc:spChg>
        <pc:spChg chg="del">
          <ac:chgData name="Laizet, Sebastien" userId="4c329518-9e12-4f6b-8afa-9dbe60ec0c36" providerId="ADAL" clId="{62EF9582-67D8-4837-9BC7-E30B81B5C308}" dt="2023-09-16T06:15:03.957" v="12842" actId="478"/>
          <ac:spMkLst>
            <pc:docMk/>
            <pc:sldMk cId="446330339" sldId="1056"/>
            <ac:spMk id="3" creationId="{712B4AED-2B67-BCCA-F480-13416DDD94BB}"/>
          </ac:spMkLst>
        </pc:spChg>
        <pc:spChg chg="del">
          <ac:chgData name="Laizet, Sebastien" userId="4c329518-9e12-4f6b-8afa-9dbe60ec0c36" providerId="ADAL" clId="{62EF9582-67D8-4837-9BC7-E30B81B5C308}" dt="2023-09-16T06:15:06.651" v="12843" actId="478"/>
          <ac:spMkLst>
            <pc:docMk/>
            <pc:sldMk cId="446330339" sldId="1056"/>
            <ac:spMk id="4" creationId="{802809B4-2F4C-03D5-DB39-8C0AE5133468}"/>
          </ac:spMkLst>
        </pc:spChg>
        <pc:spChg chg="add mod">
          <ac:chgData name="Laizet, Sebastien" userId="4c329518-9e12-4f6b-8afa-9dbe60ec0c36" providerId="ADAL" clId="{62EF9582-67D8-4837-9BC7-E30B81B5C308}" dt="2023-09-16T08:30:39.224" v="12992" actId="1076"/>
          <ac:spMkLst>
            <pc:docMk/>
            <pc:sldMk cId="446330339" sldId="1056"/>
            <ac:spMk id="11" creationId="{3993CFF2-636C-6418-0964-643E9721B649}"/>
          </ac:spMkLst>
        </pc:spChg>
        <pc:spChg chg="del mod">
          <ac:chgData name="Laizet, Sebastien" userId="4c329518-9e12-4f6b-8afa-9dbe60ec0c36" providerId="ADAL" clId="{62EF9582-67D8-4837-9BC7-E30B81B5C308}" dt="2023-09-16T08:16:43.446" v="12912" actId="478"/>
          <ac:spMkLst>
            <pc:docMk/>
            <pc:sldMk cId="446330339" sldId="1056"/>
            <ac:spMk id="12" creationId="{2D48CE7F-A4E7-46B7-A699-B27216AA962E}"/>
          </ac:spMkLst>
        </pc:spChg>
        <pc:spChg chg="add mod">
          <ac:chgData name="Laizet, Sebastien" userId="4c329518-9e12-4f6b-8afa-9dbe60ec0c36" providerId="ADAL" clId="{62EF9582-67D8-4837-9BC7-E30B81B5C308}" dt="2023-09-16T08:30:23.231" v="12989" actId="1076"/>
          <ac:spMkLst>
            <pc:docMk/>
            <pc:sldMk cId="446330339" sldId="1056"/>
            <ac:spMk id="18" creationId="{7C16269F-CD72-C733-EB63-10EC0949AEB4}"/>
          </ac:spMkLst>
        </pc:spChg>
        <pc:spChg chg="add mod">
          <ac:chgData name="Laizet, Sebastien" userId="4c329518-9e12-4f6b-8afa-9dbe60ec0c36" providerId="ADAL" clId="{62EF9582-67D8-4837-9BC7-E30B81B5C308}" dt="2023-09-16T08:32:10.706" v="13049" actId="113"/>
          <ac:spMkLst>
            <pc:docMk/>
            <pc:sldMk cId="446330339" sldId="1056"/>
            <ac:spMk id="21" creationId="{6AB6FBA1-A840-3CA9-6109-4562F77D296B}"/>
          </ac:spMkLst>
        </pc:spChg>
        <pc:picChg chg="add del mod">
          <ac:chgData name="Laizet, Sebastien" userId="4c329518-9e12-4f6b-8afa-9dbe60ec0c36" providerId="ADAL" clId="{62EF9582-67D8-4837-9BC7-E30B81B5C308}" dt="2023-09-16T08:28:33.320" v="12951" actId="21"/>
          <ac:picMkLst>
            <pc:docMk/>
            <pc:sldMk cId="446330339" sldId="1056"/>
            <ac:picMk id="7" creationId="{0E45829B-E264-1C0A-6540-97839B21B945}"/>
          </ac:picMkLst>
        </pc:picChg>
        <pc:picChg chg="add mod">
          <ac:chgData name="Laizet, Sebastien" userId="4c329518-9e12-4f6b-8afa-9dbe60ec0c36" providerId="ADAL" clId="{62EF9582-67D8-4837-9BC7-E30B81B5C308}" dt="2023-09-16T08:31:39.931" v="13004" actId="1076"/>
          <ac:picMkLst>
            <pc:docMk/>
            <pc:sldMk cId="446330339" sldId="1056"/>
            <ac:picMk id="9" creationId="{9BF7AA44-07AA-1425-9BF9-DAA52A1E2BAF}"/>
          </ac:picMkLst>
        </pc:picChg>
        <pc:picChg chg="add mod">
          <ac:chgData name="Laizet, Sebastien" userId="4c329518-9e12-4f6b-8afa-9dbe60ec0c36" providerId="ADAL" clId="{62EF9582-67D8-4837-9BC7-E30B81B5C308}" dt="2023-09-16T08:31:28.004" v="13000" actId="1076"/>
          <ac:picMkLst>
            <pc:docMk/>
            <pc:sldMk cId="446330339" sldId="1056"/>
            <ac:picMk id="14" creationId="{106F0899-09E8-54E4-BDBF-124C6EEACA7E}"/>
          </ac:picMkLst>
        </pc:picChg>
        <pc:picChg chg="add mod">
          <ac:chgData name="Laizet, Sebastien" userId="4c329518-9e12-4f6b-8afa-9dbe60ec0c36" providerId="ADAL" clId="{62EF9582-67D8-4837-9BC7-E30B81B5C308}" dt="2023-09-16T08:31:30.152" v="13001" actId="1076"/>
          <ac:picMkLst>
            <pc:docMk/>
            <pc:sldMk cId="446330339" sldId="1056"/>
            <ac:picMk id="16" creationId="{003005B0-FB41-43AE-9089-C2EEC91004B8}"/>
          </ac:picMkLst>
        </pc:picChg>
        <pc:picChg chg="add mod">
          <ac:chgData name="Laizet, Sebastien" userId="4c329518-9e12-4f6b-8afa-9dbe60ec0c36" providerId="ADAL" clId="{62EF9582-67D8-4837-9BC7-E30B81B5C308}" dt="2023-09-16T08:31:36.751" v="13003" actId="1076"/>
          <ac:picMkLst>
            <pc:docMk/>
            <pc:sldMk cId="446330339" sldId="1056"/>
            <ac:picMk id="17" creationId="{A5BDF11E-273F-07F2-D170-50E7FC4ACDA8}"/>
          </ac:picMkLst>
        </pc:picChg>
        <pc:picChg chg="add mod">
          <ac:chgData name="Laizet, Sebastien" userId="4c329518-9e12-4f6b-8afa-9dbe60ec0c36" providerId="ADAL" clId="{62EF9582-67D8-4837-9BC7-E30B81B5C308}" dt="2023-09-16T08:31:32.436" v="13002" actId="1076"/>
          <ac:picMkLst>
            <pc:docMk/>
            <pc:sldMk cId="446330339" sldId="1056"/>
            <ac:picMk id="20" creationId="{A4DAD666-AE27-E3B4-6F2B-B294C03115A1}"/>
          </ac:picMkLst>
        </pc:picChg>
      </pc:sldChg>
      <pc:sldChg chg="delSp modSp del mod delAnim">
        <pc:chgData name="Laizet, Sebastien" userId="4c329518-9e12-4f6b-8afa-9dbe60ec0c36" providerId="ADAL" clId="{62EF9582-67D8-4837-9BC7-E30B81B5C308}" dt="2023-09-15T22:46:22.507" v="12553" actId="47"/>
        <pc:sldMkLst>
          <pc:docMk/>
          <pc:sldMk cId="1647023864" sldId="1056"/>
        </pc:sldMkLst>
        <pc:spChg chg="del mod">
          <ac:chgData name="Laizet, Sebastien" userId="4c329518-9e12-4f6b-8afa-9dbe60ec0c36" providerId="ADAL" clId="{62EF9582-67D8-4837-9BC7-E30B81B5C308}" dt="2023-09-15T22:42:18.548" v="12529" actId="478"/>
          <ac:spMkLst>
            <pc:docMk/>
            <pc:sldMk cId="1647023864" sldId="1056"/>
            <ac:spMk id="16" creationId="{4D1228C0-623C-4570-BA9F-9BD98AA2E251}"/>
          </ac:spMkLst>
        </pc:spChg>
      </pc:sldChg>
      <pc:sldChg chg="delSp mod">
        <pc:chgData name="Laizet, Sebastien" userId="4c329518-9e12-4f6b-8afa-9dbe60ec0c36" providerId="ADAL" clId="{62EF9582-67D8-4837-9BC7-E30B81B5C308}" dt="2023-09-16T08:16:51.468" v="12913" actId="478"/>
        <pc:sldMkLst>
          <pc:docMk/>
          <pc:sldMk cId="994504723" sldId="1057"/>
        </pc:sldMkLst>
        <pc:spChg chg="del">
          <ac:chgData name="Laizet, Sebastien" userId="4c329518-9e12-4f6b-8afa-9dbe60ec0c36" providerId="ADAL" clId="{62EF9582-67D8-4837-9BC7-E30B81B5C308}" dt="2023-09-16T08:16:51.468" v="12913" actId="478"/>
          <ac:spMkLst>
            <pc:docMk/>
            <pc:sldMk cId="994504723" sldId="1057"/>
            <ac:spMk id="5" creationId="{DE1A1331-046D-6AFC-1A50-F3FFC66F1482}"/>
          </ac:spMkLst>
        </pc:spChg>
        <pc:picChg chg="del">
          <ac:chgData name="Laizet, Sebastien" userId="4c329518-9e12-4f6b-8afa-9dbe60ec0c36" providerId="ADAL" clId="{62EF9582-67D8-4837-9BC7-E30B81B5C308}" dt="2023-09-16T08:16:38.218" v="12911" actId="478"/>
          <ac:picMkLst>
            <pc:docMk/>
            <pc:sldMk cId="994504723" sldId="1057"/>
            <ac:picMk id="7" creationId="{0E45829B-E264-1C0A-6540-97839B21B945}"/>
          </ac:picMkLst>
        </pc:picChg>
      </pc:sldChg>
      <pc:sldChg chg="new del">
        <pc:chgData name="Laizet, Sebastien" userId="4c329518-9e12-4f6b-8afa-9dbe60ec0c36" providerId="ADAL" clId="{62EF9582-67D8-4837-9BC7-E30B81B5C308}" dt="2023-09-18T19:15:16.361" v="13058" actId="47"/>
        <pc:sldMkLst>
          <pc:docMk/>
          <pc:sldMk cId="453883660" sldId="1058"/>
        </pc:sldMkLst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view3D>
      <c:rotX val="30"/>
      <c:rotY val="20"/>
      <c:depthPercent val="100"/>
      <c:rAngAx val="0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>
        <c:manualLayout>
          <c:layoutTarget val="inner"/>
          <c:xMode val="edge"/>
          <c:yMode val="edge"/>
          <c:x val="3.4375000000000003E-2"/>
          <c:y val="0.14702342845574382"/>
          <c:w val="0.96562499999999996"/>
          <c:h val="0.81204547169995867"/>
        </c:manualLayout>
      </c:layout>
      <c:bar3DChart>
        <c:barDir val="col"/>
        <c:grouping val="clustered"/>
        <c:varyColors val="0"/>
        <c:ser>
          <c:idx val="0"/>
          <c:order val="0"/>
          <c:tx>
            <c:strRef>
              <c:f>Feuil1!$B$1</c:f>
              <c:strCache>
                <c:ptCount val="1"/>
                <c:pt idx="0">
                  <c:v>séances essais</c:v>
                </c:pt>
              </c:strCache>
            </c:strRef>
          </c:tx>
          <c:spPr>
            <a:solidFill>
              <a:schemeClr val="accent6">
                <a:lumMod val="75000"/>
              </a:schemeClr>
            </a:solidFill>
            <a:ln>
              <a:noFill/>
            </a:ln>
            <a:effectLst>
              <a:outerShdw blurRad="88900" sx="102000" sy="102000" algn="ctr" rotWithShape="0">
                <a:prstClr val="black">
                  <a:alpha val="10000"/>
                </a:prstClr>
              </a:outerShdw>
            </a:effectLst>
            <a:scene3d>
              <a:camera prst="orthographicFront"/>
              <a:lightRig rig="threePt" dir="t"/>
            </a:scene3d>
            <a:sp3d>
              <a:bevelT w="127000" h="127000"/>
              <a:bevelB w="127000" h="127000"/>
            </a:sp3d>
          </c:spPr>
          <c:invertIfNegative val="0"/>
          <c:dLbls>
            <c:dLbl>
              <c:idx val="0"/>
              <c:layout>
                <c:manualLayout>
                  <c:x val="0"/>
                  <c:y val="-4.018613190410819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5139-467C-AACA-A378FDED1DCD}"/>
                </c:ext>
              </c:extLst>
            </c:dLbl>
            <c:dLbl>
              <c:idx val="1"/>
              <c:layout>
                <c:manualLayout>
                  <c:x val="6.7640692640692146E-3"/>
                  <c:y val="-2.961083403460607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5139-467C-AACA-A378FDED1DCD}"/>
                </c:ext>
              </c:extLst>
            </c:dLbl>
            <c:dLbl>
              <c:idx val="2"/>
              <c:layout>
                <c:manualLayout>
                  <c:x val="0"/>
                  <c:y val="-2.749577446070560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5139-467C-AACA-A378FDED1DCD}"/>
                </c:ext>
              </c:extLst>
            </c:dLbl>
            <c:dLbl>
              <c:idx val="3"/>
              <c:layout>
                <c:manualLayout>
                  <c:x val="0"/>
                  <c:y val="-2.115059573900427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5139-467C-AACA-A378FDED1DCD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330" b="1" i="0" u="none" strike="noStrike" kern="1200" spc="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1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euil1!$A$2:$A$5</c:f>
              <c:strCache>
                <c:ptCount val="4"/>
                <c:pt idx="0">
                  <c:v>séance 30 avril</c:v>
                </c:pt>
                <c:pt idx="1">
                  <c:v>Séance du 22 février</c:v>
                </c:pt>
                <c:pt idx="2">
                  <c:v>Séance du 7 mars</c:v>
                </c:pt>
                <c:pt idx="3">
                  <c:v>Licenciés 2023/2024</c:v>
                </c:pt>
              </c:strCache>
            </c:strRef>
          </c:cat>
          <c:val>
            <c:numRef>
              <c:f>Feuil1!$B$2:$B$5</c:f>
              <c:numCache>
                <c:formatCode>General</c:formatCode>
                <c:ptCount val="4"/>
                <c:pt idx="0">
                  <c:v>5</c:v>
                </c:pt>
                <c:pt idx="1">
                  <c:v>10</c:v>
                </c:pt>
                <c:pt idx="2">
                  <c:v>12</c:v>
                </c:pt>
                <c:pt idx="3">
                  <c:v>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139-467C-AACA-A378FDED1DCD}"/>
            </c:ext>
          </c:extLst>
        </c:ser>
        <c:ser>
          <c:idx val="1"/>
          <c:order val="1"/>
          <c:tx>
            <c:strRef>
              <c:f>Feuil1!$C$1</c:f>
              <c:strCache>
                <c:ptCount val="1"/>
                <c:pt idx="0">
                  <c:v>licenciés 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>
              <a:outerShdw blurRad="88900" sx="102000" sy="102000" algn="ctr" rotWithShape="0">
                <a:prstClr val="black">
                  <a:alpha val="10000"/>
                </a:prstClr>
              </a:outerShdw>
            </a:effectLst>
            <a:scene3d>
              <a:camera prst="orthographicFront"/>
              <a:lightRig rig="threePt" dir="t"/>
            </a:scene3d>
            <a:sp3d>
              <a:bevelT w="127000" h="127000"/>
              <a:bevelB w="127000" h="127000"/>
            </a:sp3d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330" b="1" i="0" u="none" strike="noStrike" kern="1200" spc="0" baseline="0">
                    <a:solidFill>
                      <a:schemeClr val="accent2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1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euil1!$A$2:$A$5</c:f>
              <c:strCache>
                <c:ptCount val="4"/>
                <c:pt idx="0">
                  <c:v>séance 30 avril</c:v>
                </c:pt>
                <c:pt idx="1">
                  <c:v>Séance du 22 février</c:v>
                </c:pt>
                <c:pt idx="2">
                  <c:v>Séance du 7 mars</c:v>
                </c:pt>
                <c:pt idx="3">
                  <c:v>Licenciés 2023/2024</c:v>
                </c:pt>
              </c:strCache>
            </c:strRef>
          </c:cat>
          <c:val>
            <c:numRef>
              <c:f>Feuil1!$C$2:$C$5</c:f>
              <c:numCache>
                <c:formatCode>General</c:formatCode>
                <c:ptCount val="4"/>
              </c:numCache>
            </c:numRef>
          </c:val>
          <c:extLst>
            <c:ext xmlns:c16="http://schemas.microsoft.com/office/drawing/2014/chart" uri="{C3380CC4-5D6E-409C-BE32-E72D297353CC}">
              <c16:uniqueId val="{00000001-5139-467C-AACA-A378FDED1DC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box"/>
        <c:axId val="203618623"/>
        <c:axId val="199796863"/>
        <c:axId val="0"/>
      </c:bar3DChart>
      <c:catAx>
        <c:axId val="203618623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9796863"/>
        <c:crosses val="autoZero"/>
        <c:auto val="1"/>
        <c:lblAlgn val="ctr"/>
        <c:lblOffset val="100"/>
        <c:noMultiLvlLbl val="0"/>
      </c:catAx>
      <c:valAx>
        <c:axId val="199796863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3618623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cs:styleClr val="auto"/>
    </cs:fontRef>
    <cs:defRPr sz="133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33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96.svg"/><Relationship Id="rId3" Type="http://schemas.openxmlformats.org/officeDocument/2006/relationships/image" Target="../media/image91.png"/><Relationship Id="rId7" Type="http://schemas.openxmlformats.org/officeDocument/2006/relationships/image" Target="../media/image95.png"/><Relationship Id="rId12" Type="http://schemas.openxmlformats.org/officeDocument/2006/relationships/image" Target="../media/image100.svg"/><Relationship Id="rId2" Type="http://schemas.openxmlformats.org/officeDocument/2006/relationships/image" Target="../media/image90.svg"/><Relationship Id="rId1" Type="http://schemas.openxmlformats.org/officeDocument/2006/relationships/image" Target="../media/image89.png"/><Relationship Id="rId6" Type="http://schemas.openxmlformats.org/officeDocument/2006/relationships/image" Target="../media/image94.svg"/><Relationship Id="rId11" Type="http://schemas.openxmlformats.org/officeDocument/2006/relationships/image" Target="../media/image99.png"/><Relationship Id="rId5" Type="http://schemas.openxmlformats.org/officeDocument/2006/relationships/image" Target="../media/image93.png"/><Relationship Id="rId10" Type="http://schemas.openxmlformats.org/officeDocument/2006/relationships/image" Target="../media/image98.svg"/><Relationship Id="rId4" Type="http://schemas.openxmlformats.org/officeDocument/2006/relationships/image" Target="../media/image92.svg"/><Relationship Id="rId9" Type="http://schemas.openxmlformats.org/officeDocument/2006/relationships/image" Target="../media/image97.pn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96.svg"/><Relationship Id="rId3" Type="http://schemas.openxmlformats.org/officeDocument/2006/relationships/image" Target="../media/image91.png"/><Relationship Id="rId7" Type="http://schemas.openxmlformats.org/officeDocument/2006/relationships/image" Target="../media/image95.png"/><Relationship Id="rId12" Type="http://schemas.openxmlformats.org/officeDocument/2006/relationships/image" Target="../media/image100.svg"/><Relationship Id="rId2" Type="http://schemas.openxmlformats.org/officeDocument/2006/relationships/image" Target="../media/image90.svg"/><Relationship Id="rId1" Type="http://schemas.openxmlformats.org/officeDocument/2006/relationships/image" Target="../media/image89.png"/><Relationship Id="rId6" Type="http://schemas.openxmlformats.org/officeDocument/2006/relationships/image" Target="../media/image94.svg"/><Relationship Id="rId11" Type="http://schemas.openxmlformats.org/officeDocument/2006/relationships/image" Target="../media/image99.png"/><Relationship Id="rId5" Type="http://schemas.openxmlformats.org/officeDocument/2006/relationships/image" Target="../media/image93.png"/><Relationship Id="rId10" Type="http://schemas.openxmlformats.org/officeDocument/2006/relationships/image" Target="../media/image98.svg"/><Relationship Id="rId4" Type="http://schemas.openxmlformats.org/officeDocument/2006/relationships/image" Target="../media/image92.svg"/><Relationship Id="rId9" Type="http://schemas.openxmlformats.org/officeDocument/2006/relationships/image" Target="../media/image97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FEFCAFD-C4AC-4425-BC54-C715DD43065A}" type="doc">
      <dgm:prSet loTypeId="urn:microsoft.com/office/officeart/2018/2/layout/IconCircleList" loCatId="icon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DDF32904-F7ED-4948-85F3-0C34CD94E306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fr-FR" sz="1600" dirty="0"/>
            <a:t>Création d’une nouvelle adresse mail</a:t>
          </a:r>
          <a:endParaRPr lang="en-US" sz="1600" dirty="0"/>
        </a:p>
      </dgm:t>
    </dgm:pt>
    <dgm:pt modelId="{AE5824CE-DA74-4836-98BC-560B998CBFB1}" type="parTrans" cxnId="{AD9EED44-E408-49C8-B9C0-C510C9A81DB7}">
      <dgm:prSet/>
      <dgm:spPr/>
      <dgm:t>
        <a:bodyPr/>
        <a:lstStyle/>
        <a:p>
          <a:endParaRPr lang="en-US"/>
        </a:p>
      </dgm:t>
    </dgm:pt>
    <dgm:pt modelId="{08C74A71-8E40-4314-B1BD-AEE3FB018F14}" type="sibTrans" cxnId="{AD9EED44-E408-49C8-B9C0-C510C9A81DB7}">
      <dgm:prSet/>
      <dgm:spPr/>
      <dgm:t>
        <a:bodyPr/>
        <a:lstStyle/>
        <a:p>
          <a:pPr>
            <a:lnSpc>
              <a:spcPct val="100000"/>
            </a:lnSpc>
          </a:pPr>
          <a:endParaRPr lang="en-US"/>
        </a:p>
      </dgm:t>
    </dgm:pt>
    <dgm:pt modelId="{598E2A78-FBF2-45ED-A297-8B8626C677C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fr-FR" sz="1600" dirty="0"/>
            <a:t>Publication des anniversaires</a:t>
          </a:r>
          <a:endParaRPr lang="en-US" sz="1600" dirty="0"/>
        </a:p>
      </dgm:t>
    </dgm:pt>
    <dgm:pt modelId="{48044B92-2AAA-452C-A266-D9CB89070CE3}" type="parTrans" cxnId="{48366595-8721-430B-B4C7-D88A6EB97868}">
      <dgm:prSet/>
      <dgm:spPr/>
      <dgm:t>
        <a:bodyPr/>
        <a:lstStyle/>
        <a:p>
          <a:endParaRPr lang="en-US"/>
        </a:p>
      </dgm:t>
    </dgm:pt>
    <dgm:pt modelId="{0810F601-63A5-444F-8F01-97464806D103}" type="sibTrans" cxnId="{48366595-8721-430B-B4C7-D88A6EB97868}">
      <dgm:prSet/>
      <dgm:spPr/>
      <dgm:t>
        <a:bodyPr/>
        <a:lstStyle/>
        <a:p>
          <a:pPr>
            <a:lnSpc>
              <a:spcPct val="100000"/>
            </a:lnSpc>
          </a:pPr>
          <a:endParaRPr lang="en-US"/>
        </a:p>
      </dgm:t>
    </dgm:pt>
    <dgm:pt modelId="{ACA897D4-9B88-48AD-9BA4-2F30E8DB1E6D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fr-FR" sz="1600" dirty="0"/>
            <a:t>Groupe WhatsApp des coachs pour récupérer les photos des matchs</a:t>
          </a:r>
          <a:endParaRPr lang="en-US" sz="1600" dirty="0"/>
        </a:p>
      </dgm:t>
    </dgm:pt>
    <dgm:pt modelId="{410BA877-9609-4EFA-8DAA-67205D067705}" type="parTrans" cxnId="{649515F5-8E41-49C3-AC0C-00AB9B413C30}">
      <dgm:prSet/>
      <dgm:spPr/>
      <dgm:t>
        <a:bodyPr/>
        <a:lstStyle/>
        <a:p>
          <a:endParaRPr lang="en-US"/>
        </a:p>
      </dgm:t>
    </dgm:pt>
    <dgm:pt modelId="{3185E6E2-430C-4ED5-BA7F-D988C4AF3473}" type="sibTrans" cxnId="{649515F5-8E41-49C3-AC0C-00AB9B413C30}">
      <dgm:prSet/>
      <dgm:spPr/>
      <dgm:t>
        <a:bodyPr/>
        <a:lstStyle/>
        <a:p>
          <a:pPr>
            <a:lnSpc>
              <a:spcPct val="100000"/>
            </a:lnSpc>
          </a:pPr>
          <a:endParaRPr lang="en-US"/>
        </a:p>
      </dgm:t>
    </dgm:pt>
    <dgm:pt modelId="{D6981A87-6720-4407-8781-285C4A172A2F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fr-FR" sz="1500" dirty="0"/>
            <a:t>Alimentation des comptes Facebook et </a:t>
          </a:r>
          <a:r>
            <a:rPr lang="fr-FR" sz="1600" dirty="0"/>
            <a:t>Instagram</a:t>
          </a:r>
          <a:r>
            <a:rPr lang="fr-FR" sz="1500" dirty="0"/>
            <a:t> tout au long de l’année</a:t>
          </a:r>
          <a:endParaRPr lang="en-US" sz="1500" dirty="0"/>
        </a:p>
      </dgm:t>
    </dgm:pt>
    <dgm:pt modelId="{593034FA-D2E5-40B9-BB00-99F627963829}" type="parTrans" cxnId="{606E20F0-B1B3-470B-84ED-50541AA3A25E}">
      <dgm:prSet/>
      <dgm:spPr/>
      <dgm:t>
        <a:bodyPr/>
        <a:lstStyle/>
        <a:p>
          <a:endParaRPr lang="en-US"/>
        </a:p>
      </dgm:t>
    </dgm:pt>
    <dgm:pt modelId="{52DF6ABF-A0C1-4FA3-B872-772599D9EA93}" type="sibTrans" cxnId="{606E20F0-B1B3-470B-84ED-50541AA3A25E}">
      <dgm:prSet/>
      <dgm:spPr/>
      <dgm:t>
        <a:bodyPr/>
        <a:lstStyle/>
        <a:p>
          <a:pPr>
            <a:lnSpc>
              <a:spcPct val="100000"/>
            </a:lnSpc>
          </a:pPr>
          <a:endParaRPr lang="en-US"/>
        </a:p>
      </dgm:t>
    </dgm:pt>
    <dgm:pt modelId="{4B0BB6CA-0651-479E-BC36-16D91BCFE2F7}">
      <dgm:prSet/>
      <dgm:spPr/>
      <dgm:t>
        <a:bodyPr/>
        <a:lstStyle/>
        <a:p>
          <a:pPr>
            <a:lnSpc>
              <a:spcPct val="100000"/>
            </a:lnSpc>
          </a:pPr>
          <a:r>
            <a:rPr lang="fr-FR" dirty="0"/>
            <a:t>Renouveau des supports de communication (affiches, flyers, réels)</a:t>
          </a:r>
          <a:endParaRPr lang="en-US" dirty="0"/>
        </a:p>
      </dgm:t>
    </dgm:pt>
    <dgm:pt modelId="{C7779D97-EC0B-4B13-B253-DA64AACED541}" type="parTrans" cxnId="{85C60847-B9CA-440D-BCE4-84461A208E4F}">
      <dgm:prSet/>
      <dgm:spPr/>
      <dgm:t>
        <a:bodyPr/>
        <a:lstStyle/>
        <a:p>
          <a:endParaRPr lang="en-US"/>
        </a:p>
      </dgm:t>
    </dgm:pt>
    <dgm:pt modelId="{B639CA58-99B4-4E10-98B1-53DA31E9DE32}" type="sibTrans" cxnId="{85C60847-B9CA-440D-BCE4-84461A208E4F}">
      <dgm:prSet/>
      <dgm:spPr/>
      <dgm:t>
        <a:bodyPr/>
        <a:lstStyle/>
        <a:p>
          <a:pPr>
            <a:lnSpc>
              <a:spcPct val="100000"/>
            </a:lnSpc>
          </a:pPr>
          <a:endParaRPr lang="en-US"/>
        </a:p>
      </dgm:t>
    </dgm:pt>
    <dgm:pt modelId="{BA3BD3FD-B633-B340-90AE-E68DEB2AB93D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 err="1"/>
            <a:t>Création</a:t>
          </a:r>
          <a:r>
            <a:rPr lang="en-US" dirty="0"/>
            <a:t> </a:t>
          </a:r>
          <a:r>
            <a:rPr lang="en-US" dirty="0" err="1"/>
            <a:t>d’une</a:t>
          </a:r>
          <a:r>
            <a:rPr lang="en-US" dirty="0"/>
            <a:t> affiche pour le </a:t>
          </a:r>
          <a:r>
            <a:rPr lang="en-US" dirty="0" err="1"/>
            <a:t>tournoi</a:t>
          </a:r>
          <a:r>
            <a:rPr lang="en-US" dirty="0"/>
            <a:t> et d’un flyer </a:t>
          </a:r>
          <a:r>
            <a:rPr lang="en-US" dirty="0" err="1"/>
            <a:t>lié</a:t>
          </a:r>
          <a:r>
            <a:rPr lang="en-US" dirty="0"/>
            <a:t> au basket </a:t>
          </a:r>
          <a:r>
            <a:rPr lang="en-US" dirty="0" err="1"/>
            <a:t>santé</a:t>
          </a:r>
          <a:endParaRPr lang="en-US" dirty="0"/>
        </a:p>
      </dgm:t>
    </dgm:pt>
    <dgm:pt modelId="{B3C9D274-4813-C045-9784-845A43CE8809}" type="parTrans" cxnId="{53AB0E36-9D7C-234E-AD39-145D88B07EA9}">
      <dgm:prSet/>
      <dgm:spPr/>
      <dgm:t>
        <a:bodyPr/>
        <a:lstStyle/>
        <a:p>
          <a:endParaRPr lang="fr-FR"/>
        </a:p>
      </dgm:t>
    </dgm:pt>
    <dgm:pt modelId="{A4F1A967-F5EB-6349-94E6-9AE8F7F3B93B}" type="sibTrans" cxnId="{53AB0E36-9D7C-234E-AD39-145D88B07EA9}">
      <dgm:prSet/>
      <dgm:spPr/>
      <dgm:t>
        <a:bodyPr/>
        <a:lstStyle/>
        <a:p>
          <a:endParaRPr lang="fr-FR"/>
        </a:p>
      </dgm:t>
    </dgm:pt>
    <dgm:pt modelId="{25394DA0-2BAD-4813-AC0F-68F3FAA67B93}" type="pres">
      <dgm:prSet presAssocID="{CFEFCAFD-C4AC-4425-BC54-C715DD43065A}" presName="root" presStyleCnt="0">
        <dgm:presLayoutVars>
          <dgm:dir/>
          <dgm:resizeHandles val="exact"/>
        </dgm:presLayoutVars>
      </dgm:prSet>
      <dgm:spPr/>
    </dgm:pt>
    <dgm:pt modelId="{A9C6CB5F-39DC-49DD-9112-00F3792D5E31}" type="pres">
      <dgm:prSet presAssocID="{CFEFCAFD-C4AC-4425-BC54-C715DD43065A}" presName="container" presStyleCnt="0">
        <dgm:presLayoutVars>
          <dgm:dir/>
          <dgm:resizeHandles val="exact"/>
        </dgm:presLayoutVars>
      </dgm:prSet>
      <dgm:spPr/>
    </dgm:pt>
    <dgm:pt modelId="{F408AE96-91DC-4D11-A3DD-C913ED7C275C}" type="pres">
      <dgm:prSet presAssocID="{DDF32904-F7ED-4948-85F3-0C34CD94E306}" presName="compNode" presStyleCnt="0"/>
      <dgm:spPr/>
    </dgm:pt>
    <dgm:pt modelId="{FFDF996F-C826-447F-B58E-29BCFAA71348}" type="pres">
      <dgm:prSet presAssocID="{DDF32904-F7ED-4948-85F3-0C34CD94E306}" presName="iconBgRect" presStyleLbl="bgShp" presStyleIdx="0" presStyleCnt="6"/>
      <dgm:spPr>
        <a:solidFill>
          <a:schemeClr val="bg1"/>
        </a:solidFill>
      </dgm:spPr>
    </dgm:pt>
    <dgm:pt modelId="{401AB936-62A2-404C-A874-E0928DC8F962}" type="pres">
      <dgm:prSet presAssocID="{DDF32904-F7ED-4948-85F3-0C34CD94E306}" presName="iconRect" presStyleLbl="node1" presStyleIdx="0" presStyleCnt="6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Enveloppe"/>
        </a:ext>
      </dgm:extLst>
    </dgm:pt>
    <dgm:pt modelId="{DCF2A393-7E7A-45DD-B217-E6DDEFE921F5}" type="pres">
      <dgm:prSet presAssocID="{DDF32904-F7ED-4948-85F3-0C34CD94E306}" presName="spaceRect" presStyleCnt="0"/>
      <dgm:spPr/>
    </dgm:pt>
    <dgm:pt modelId="{9B8724A9-66FC-4E53-8AEA-F02434FA563F}" type="pres">
      <dgm:prSet presAssocID="{DDF32904-F7ED-4948-85F3-0C34CD94E306}" presName="textRect" presStyleLbl="revTx" presStyleIdx="0" presStyleCnt="6">
        <dgm:presLayoutVars>
          <dgm:chMax val="1"/>
          <dgm:chPref val="1"/>
        </dgm:presLayoutVars>
      </dgm:prSet>
      <dgm:spPr/>
    </dgm:pt>
    <dgm:pt modelId="{8C907FB4-8764-4669-934E-C80F7754E9C4}" type="pres">
      <dgm:prSet presAssocID="{08C74A71-8E40-4314-B1BD-AEE3FB018F14}" presName="sibTrans" presStyleLbl="sibTrans2D1" presStyleIdx="0" presStyleCnt="0"/>
      <dgm:spPr/>
    </dgm:pt>
    <dgm:pt modelId="{6DF383B6-2C8F-4045-9906-6548C6AD8AD3}" type="pres">
      <dgm:prSet presAssocID="{598E2A78-FBF2-45ED-A297-8B8626C677C4}" presName="compNode" presStyleCnt="0"/>
      <dgm:spPr/>
    </dgm:pt>
    <dgm:pt modelId="{BF8BDEB7-AB52-4CFF-95BF-E36D8DF00D19}" type="pres">
      <dgm:prSet presAssocID="{598E2A78-FBF2-45ED-A297-8B8626C677C4}" presName="iconBgRect" presStyleLbl="bgShp" presStyleIdx="1" presStyleCnt="6"/>
      <dgm:spPr>
        <a:solidFill>
          <a:schemeClr val="bg1"/>
        </a:solidFill>
      </dgm:spPr>
    </dgm:pt>
    <dgm:pt modelId="{AC84D47E-3F31-4DF3-90F9-FF3E963A9D24}" type="pres">
      <dgm:prSet presAssocID="{598E2A78-FBF2-45ED-A297-8B8626C677C4}" presName="iconRect" presStyleLbl="node1" presStyleIdx="1" presStyleCnt="6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Gâteau"/>
        </a:ext>
      </dgm:extLst>
    </dgm:pt>
    <dgm:pt modelId="{AFF0F0A3-E317-49D0-BDCE-7317C34750AE}" type="pres">
      <dgm:prSet presAssocID="{598E2A78-FBF2-45ED-A297-8B8626C677C4}" presName="spaceRect" presStyleCnt="0"/>
      <dgm:spPr/>
    </dgm:pt>
    <dgm:pt modelId="{31A0FA1A-E1C3-48B8-A30F-80FBA208A38F}" type="pres">
      <dgm:prSet presAssocID="{598E2A78-FBF2-45ED-A297-8B8626C677C4}" presName="textRect" presStyleLbl="revTx" presStyleIdx="1" presStyleCnt="6">
        <dgm:presLayoutVars>
          <dgm:chMax val="1"/>
          <dgm:chPref val="1"/>
        </dgm:presLayoutVars>
      </dgm:prSet>
      <dgm:spPr/>
    </dgm:pt>
    <dgm:pt modelId="{EBC8C0C6-174E-42A6-93A4-40C9C8A9131C}" type="pres">
      <dgm:prSet presAssocID="{0810F601-63A5-444F-8F01-97464806D103}" presName="sibTrans" presStyleLbl="sibTrans2D1" presStyleIdx="0" presStyleCnt="0"/>
      <dgm:spPr/>
    </dgm:pt>
    <dgm:pt modelId="{F8B60C5B-F49D-424F-A3D4-DA479C14471E}" type="pres">
      <dgm:prSet presAssocID="{ACA897D4-9B88-48AD-9BA4-2F30E8DB1E6D}" presName="compNode" presStyleCnt="0"/>
      <dgm:spPr/>
    </dgm:pt>
    <dgm:pt modelId="{BB776770-0DCA-4B84-858A-5750F4030CB5}" type="pres">
      <dgm:prSet presAssocID="{ACA897D4-9B88-48AD-9BA4-2F30E8DB1E6D}" presName="iconBgRect" presStyleLbl="bgShp" presStyleIdx="2" presStyleCnt="6"/>
      <dgm:spPr>
        <a:solidFill>
          <a:schemeClr val="bg1"/>
        </a:solidFill>
      </dgm:spPr>
    </dgm:pt>
    <dgm:pt modelId="{A8A2659E-94DD-46FE-8250-4C16B481A5EA}" type="pres">
      <dgm:prSet presAssocID="{ACA897D4-9B88-48AD-9BA4-2F30E8DB1E6D}" presName="iconRect" presStyleLbl="node1" presStyleIdx="2" presStyleCnt="6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Appareil photo"/>
        </a:ext>
      </dgm:extLst>
    </dgm:pt>
    <dgm:pt modelId="{E7B3B0A1-0FC7-4649-9F52-AD242464FC04}" type="pres">
      <dgm:prSet presAssocID="{ACA897D4-9B88-48AD-9BA4-2F30E8DB1E6D}" presName="spaceRect" presStyleCnt="0"/>
      <dgm:spPr/>
    </dgm:pt>
    <dgm:pt modelId="{95FF150F-F523-4AA7-9E0B-4CC9CE7BE0EA}" type="pres">
      <dgm:prSet presAssocID="{ACA897D4-9B88-48AD-9BA4-2F30E8DB1E6D}" presName="textRect" presStyleLbl="revTx" presStyleIdx="2" presStyleCnt="6">
        <dgm:presLayoutVars>
          <dgm:chMax val="1"/>
          <dgm:chPref val="1"/>
        </dgm:presLayoutVars>
      </dgm:prSet>
      <dgm:spPr/>
    </dgm:pt>
    <dgm:pt modelId="{BC974E64-B917-407E-85FF-8B85A587E335}" type="pres">
      <dgm:prSet presAssocID="{3185E6E2-430C-4ED5-BA7F-D988C4AF3473}" presName="sibTrans" presStyleLbl="sibTrans2D1" presStyleIdx="0" presStyleCnt="0"/>
      <dgm:spPr/>
    </dgm:pt>
    <dgm:pt modelId="{619DC69C-B760-4FCE-8484-5D28A84BC3DF}" type="pres">
      <dgm:prSet presAssocID="{D6981A87-6720-4407-8781-285C4A172A2F}" presName="compNode" presStyleCnt="0"/>
      <dgm:spPr/>
    </dgm:pt>
    <dgm:pt modelId="{D7EF67C2-3320-462B-A27D-7873131A5424}" type="pres">
      <dgm:prSet presAssocID="{D6981A87-6720-4407-8781-285C4A172A2F}" presName="iconBgRect" presStyleLbl="bgShp" presStyleIdx="3" presStyleCnt="6"/>
      <dgm:spPr>
        <a:solidFill>
          <a:schemeClr val="bg1"/>
        </a:solidFill>
      </dgm:spPr>
    </dgm:pt>
    <dgm:pt modelId="{05E13EE0-D576-4524-8649-055BC13A6F25}" type="pres">
      <dgm:prSet presAssocID="{D6981A87-6720-4407-8781-285C4A172A2F}" presName="iconRect" presStyleLbl="node1" presStyleIdx="3" presStyleCnt="6"/>
      <dgm:spPr>
        <a:blipFill>
          <a:blip xmlns:r="http://schemas.openxmlformats.org/officeDocument/2006/relationships"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Connexions avec un remplissage uni"/>
        </a:ext>
      </dgm:extLst>
    </dgm:pt>
    <dgm:pt modelId="{5B646156-3686-4A5A-8353-F54DFBBEF152}" type="pres">
      <dgm:prSet presAssocID="{D6981A87-6720-4407-8781-285C4A172A2F}" presName="spaceRect" presStyleCnt="0"/>
      <dgm:spPr/>
    </dgm:pt>
    <dgm:pt modelId="{38830EB0-25DA-4E74-A5F8-480C84CAA1D8}" type="pres">
      <dgm:prSet presAssocID="{D6981A87-6720-4407-8781-285C4A172A2F}" presName="textRect" presStyleLbl="revTx" presStyleIdx="3" presStyleCnt="6">
        <dgm:presLayoutVars>
          <dgm:chMax val="1"/>
          <dgm:chPref val="1"/>
        </dgm:presLayoutVars>
      </dgm:prSet>
      <dgm:spPr/>
    </dgm:pt>
    <dgm:pt modelId="{D91080F3-BA99-46F1-974E-CF2F648432AF}" type="pres">
      <dgm:prSet presAssocID="{52DF6ABF-A0C1-4FA3-B872-772599D9EA93}" presName="sibTrans" presStyleLbl="sibTrans2D1" presStyleIdx="0" presStyleCnt="0"/>
      <dgm:spPr/>
    </dgm:pt>
    <dgm:pt modelId="{E3A8A410-DEB9-412C-A25F-C18280E7861B}" type="pres">
      <dgm:prSet presAssocID="{4B0BB6CA-0651-479E-BC36-16D91BCFE2F7}" presName="compNode" presStyleCnt="0"/>
      <dgm:spPr/>
    </dgm:pt>
    <dgm:pt modelId="{468B7498-7729-468C-B6A0-ACD988422B56}" type="pres">
      <dgm:prSet presAssocID="{4B0BB6CA-0651-479E-BC36-16D91BCFE2F7}" presName="iconBgRect" presStyleLbl="bgShp" presStyleIdx="4" presStyleCnt="6"/>
      <dgm:spPr>
        <a:solidFill>
          <a:schemeClr val="bg1"/>
        </a:solidFill>
      </dgm:spPr>
    </dgm:pt>
    <dgm:pt modelId="{9B9436D2-F782-4388-87C9-BA081EC6760D}" type="pres">
      <dgm:prSet presAssocID="{4B0BB6CA-0651-479E-BC36-16D91BCFE2F7}" presName="iconRect" presStyleLbl="node1" presStyleIdx="4" presStyleCnt="6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Marketing"/>
        </a:ext>
      </dgm:extLst>
    </dgm:pt>
    <dgm:pt modelId="{8A10859A-FACE-4B87-B8EB-28B7C10630A1}" type="pres">
      <dgm:prSet presAssocID="{4B0BB6CA-0651-479E-BC36-16D91BCFE2F7}" presName="spaceRect" presStyleCnt="0"/>
      <dgm:spPr/>
    </dgm:pt>
    <dgm:pt modelId="{0CADE34A-D09C-4542-9927-CA28B3D48C31}" type="pres">
      <dgm:prSet presAssocID="{4B0BB6CA-0651-479E-BC36-16D91BCFE2F7}" presName="textRect" presStyleLbl="revTx" presStyleIdx="4" presStyleCnt="6">
        <dgm:presLayoutVars>
          <dgm:chMax val="1"/>
          <dgm:chPref val="1"/>
        </dgm:presLayoutVars>
      </dgm:prSet>
      <dgm:spPr/>
    </dgm:pt>
    <dgm:pt modelId="{F97C560C-9665-4B20-B216-385A51A25337}" type="pres">
      <dgm:prSet presAssocID="{B639CA58-99B4-4E10-98B1-53DA31E9DE32}" presName="sibTrans" presStyleLbl="sibTrans2D1" presStyleIdx="0" presStyleCnt="0"/>
      <dgm:spPr/>
    </dgm:pt>
    <dgm:pt modelId="{16E73FAB-94AA-4AC1-BF53-3C2BDD2C1054}" type="pres">
      <dgm:prSet presAssocID="{BA3BD3FD-B633-B340-90AE-E68DEB2AB93D}" presName="compNode" presStyleCnt="0"/>
      <dgm:spPr/>
    </dgm:pt>
    <dgm:pt modelId="{D5C33BCF-10F7-4CF4-92A4-3616EEBBAB6F}" type="pres">
      <dgm:prSet presAssocID="{BA3BD3FD-B633-B340-90AE-E68DEB2AB93D}" presName="iconBgRect" presStyleLbl="bgShp" presStyleIdx="5" presStyleCnt="6"/>
      <dgm:spPr>
        <a:solidFill>
          <a:schemeClr val="bg1"/>
        </a:solidFill>
      </dgm:spPr>
    </dgm:pt>
    <dgm:pt modelId="{19C350EB-2D88-4113-99CA-630D647BF476}" type="pres">
      <dgm:prSet presAssocID="{BA3BD3FD-B633-B340-90AE-E68DEB2AB93D}" presName="iconRect" presStyleLbl="node1" presStyleIdx="5" presStyleCnt="6"/>
      <dgm:spPr>
        <a:blipFill>
          <a:blip xmlns:r="http://schemas.openxmlformats.org/officeDocument/2006/relationships"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Basketball"/>
        </a:ext>
      </dgm:extLst>
    </dgm:pt>
    <dgm:pt modelId="{D2CEA8AC-765C-47A9-96D1-5B89F00F1C38}" type="pres">
      <dgm:prSet presAssocID="{BA3BD3FD-B633-B340-90AE-E68DEB2AB93D}" presName="spaceRect" presStyleCnt="0"/>
      <dgm:spPr/>
    </dgm:pt>
    <dgm:pt modelId="{2001A3A2-69C8-4EBC-8D00-52DF8E4E5D60}" type="pres">
      <dgm:prSet presAssocID="{BA3BD3FD-B633-B340-90AE-E68DEB2AB93D}" presName="textRect" presStyleLbl="revTx" presStyleIdx="5" presStyleCnt="6">
        <dgm:presLayoutVars>
          <dgm:chMax val="1"/>
          <dgm:chPref val="1"/>
        </dgm:presLayoutVars>
      </dgm:prSet>
      <dgm:spPr/>
    </dgm:pt>
  </dgm:ptLst>
  <dgm:cxnLst>
    <dgm:cxn modelId="{AAD08C14-64D7-5E42-9363-CEE01F8014AE}" type="presOf" srcId="{D6981A87-6720-4407-8781-285C4A172A2F}" destId="{38830EB0-25DA-4E74-A5F8-480C84CAA1D8}" srcOrd="0" destOrd="0" presId="urn:microsoft.com/office/officeart/2018/2/layout/IconCircleList"/>
    <dgm:cxn modelId="{86B2B717-0D9F-6540-86BD-5068DE213151}" type="presOf" srcId="{52DF6ABF-A0C1-4FA3-B872-772599D9EA93}" destId="{D91080F3-BA99-46F1-974E-CF2F648432AF}" srcOrd="0" destOrd="0" presId="urn:microsoft.com/office/officeart/2018/2/layout/IconCircleList"/>
    <dgm:cxn modelId="{DB5BBC29-53AA-F94B-B342-9EB2CA38E583}" type="presOf" srcId="{0810F601-63A5-444F-8F01-97464806D103}" destId="{EBC8C0C6-174E-42A6-93A4-40C9C8A9131C}" srcOrd="0" destOrd="0" presId="urn:microsoft.com/office/officeart/2018/2/layout/IconCircleList"/>
    <dgm:cxn modelId="{53AB0E36-9D7C-234E-AD39-145D88B07EA9}" srcId="{CFEFCAFD-C4AC-4425-BC54-C715DD43065A}" destId="{BA3BD3FD-B633-B340-90AE-E68DEB2AB93D}" srcOrd="5" destOrd="0" parTransId="{B3C9D274-4813-C045-9784-845A43CE8809}" sibTransId="{A4F1A967-F5EB-6349-94E6-9AE8F7F3B93B}"/>
    <dgm:cxn modelId="{F02AFF38-0970-1141-B05C-D230D18FEA35}" type="presOf" srcId="{ACA897D4-9B88-48AD-9BA4-2F30E8DB1E6D}" destId="{95FF150F-F523-4AA7-9E0B-4CC9CE7BE0EA}" srcOrd="0" destOrd="0" presId="urn:microsoft.com/office/officeart/2018/2/layout/IconCircleList"/>
    <dgm:cxn modelId="{041E7C5D-6A6D-F145-BB95-C324A6802AB2}" type="presOf" srcId="{3185E6E2-430C-4ED5-BA7F-D988C4AF3473}" destId="{BC974E64-B917-407E-85FF-8B85A587E335}" srcOrd="0" destOrd="0" presId="urn:microsoft.com/office/officeart/2018/2/layout/IconCircleList"/>
    <dgm:cxn modelId="{38ABA141-4383-F342-879C-C3DC8CD332DC}" type="presOf" srcId="{DDF32904-F7ED-4948-85F3-0C34CD94E306}" destId="{9B8724A9-66FC-4E53-8AEA-F02434FA563F}" srcOrd="0" destOrd="0" presId="urn:microsoft.com/office/officeart/2018/2/layout/IconCircleList"/>
    <dgm:cxn modelId="{AD9EED44-E408-49C8-B9C0-C510C9A81DB7}" srcId="{CFEFCAFD-C4AC-4425-BC54-C715DD43065A}" destId="{DDF32904-F7ED-4948-85F3-0C34CD94E306}" srcOrd="0" destOrd="0" parTransId="{AE5824CE-DA74-4836-98BC-560B998CBFB1}" sibTransId="{08C74A71-8E40-4314-B1BD-AEE3FB018F14}"/>
    <dgm:cxn modelId="{85C60847-B9CA-440D-BCE4-84461A208E4F}" srcId="{CFEFCAFD-C4AC-4425-BC54-C715DD43065A}" destId="{4B0BB6CA-0651-479E-BC36-16D91BCFE2F7}" srcOrd="4" destOrd="0" parTransId="{C7779D97-EC0B-4B13-B253-DA64AACED541}" sibTransId="{B639CA58-99B4-4E10-98B1-53DA31E9DE32}"/>
    <dgm:cxn modelId="{6099F14B-BDC6-EF48-8BA9-2121D131EFE2}" type="presOf" srcId="{598E2A78-FBF2-45ED-A297-8B8626C677C4}" destId="{31A0FA1A-E1C3-48B8-A30F-80FBA208A38F}" srcOrd="0" destOrd="0" presId="urn:microsoft.com/office/officeart/2018/2/layout/IconCircleList"/>
    <dgm:cxn modelId="{84F07881-B821-3F42-B859-897B419BF59E}" type="presOf" srcId="{CFEFCAFD-C4AC-4425-BC54-C715DD43065A}" destId="{25394DA0-2BAD-4813-AC0F-68F3FAA67B93}" srcOrd="0" destOrd="0" presId="urn:microsoft.com/office/officeart/2018/2/layout/IconCircleList"/>
    <dgm:cxn modelId="{48366595-8721-430B-B4C7-D88A6EB97868}" srcId="{CFEFCAFD-C4AC-4425-BC54-C715DD43065A}" destId="{598E2A78-FBF2-45ED-A297-8B8626C677C4}" srcOrd="1" destOrd="0" parTransId="{48044B92-2AAA-452C-A266-D9CB89070CE3}" sibTransId="{0810F601-63A5-444F-8F01-97464806D103}"/>
    <dgm:cxn modelId="{2A0318C4-A83F-BC42-A7B2-7AEB0A27829E}" type="presOf" srcId="{BA3BD3FD-B633-B340-90AE-E68DEB2AB93D}" destId="{2001A3A2-69C8-4EBC-8D00-52DF8E4E5D60}" srcOrd="0" destOrd="0" presId="urn:microsoft.com/office/officeart/2018/2/layout/IconCircleList"/>
    <dgm:cxn modelId="{77DFC9C5-B63F-7F4F-B98C-521E4C0B969C}" type="presOf" srcId="{B639CA58-99B4-4E10-98B1-53DA31E9DE32}" destId="{F97C560C-9665-4B20-B216-385A51A25337}" srcOrd="0" destOrd="0" presId="urn:microsoft.com/office/officeart/2018/2/layout/IconCircleList"/>
    <dgm:cxn modelId="{9AF61DCB-3BAF-AA4D-9369-52BC805E37D8}" type="presOf" srcId="{08C74A71-8E40-4314-B1BD-AEE3FB018F14}" destId="{8C907FB4-8764-4669-934E-C80F7754E9C4}" srcOrd="0" destOrd="0" presId="urn:microsoft.com/office/officeart/2018/2/layout/IconCircleList"/>
    <dgm:cxn modelId="{60B0A7E7-D24E-A341-AD07-A6BD0F396883}" type="presOf" srcId="{4B0BB6CA-0651-479E-BC36-16D91BCFE2F7}" destId="{0CADE34A-D09C-4542-9927-CA28B3D48C31}" srcOrd="0" destOrd="0" presId="urn:microsoft.com/office/officeart/2018/2/layout/IconCircleList"/>
    <dgm:cxn modelId="{606E20F0-B1B3-470B-84ED-50541AA3A25E}" srcId="{CFEFCAFD-C4AC-4425-BC54-C715DD43065A}" destId="{D6981A87-6720-4407-8781-285C4A172A2F}" srcOrd="3" destOrd="0" parTransId="{593034FA-D2E5-40B9-BB00-99F627963829}" sibTransId="{52DF6ABF-A0C1-4FA3-B872-772599D9EA93}"/>
    <dgm:cxn modelId="{649515F5-8E41-49C3-AC0C-00AB9B413C30}" srcId="{CFEFCAFD-C4AC-4425-BC54-C715DD43065A}" destId="{ACA897D4-9B88-48AD-9BA4-2F30E8DB1E6D}" srcOrd="2" destOrd="0" parTransId="{410BA877-9609-4EFA-8DAA-67205D067705}" sibTransId="{3185E6E2-430C-4ED5-BA7F-D988C4AF3473}"/>
    <dgm:cxn modelId="{BEC95DD8-72E0-744E-BC01-F9CA2793C527}" type="presParOf" srcId="{25394DA0-2BAD-4813-AC0F-68F3FAA67B93}" destId="{A9C6CB5F-39DC-49DD-9112-00F3792D5E31}" srcOrd="0" destOrd="0" presId="urn:microsoft.com/office/officeart/2018/2/layout/IconCircleList"/>
    <dgm:cxn modelId="{0B08476F-C7CC-E249-8555-6AB9B16AC2E0}" type="presParOf" srcId="{A9C6CB5F-39DC-49DD-9112-00F3792D5E31}" destId="{F408AE96-91DC-4D11-A3DD-C913ED7C275C}" srcOrd="0" destOrd="0" presId="urn:microsoft.com/office/officeart/2018/2/layout/IconCircleList"/>
    <dgm:cxn modelId="{0AE09FBD-9984-CC4C-8B4C-CB45BD0CE2B0}" type="presParOf" srcId="{F408AE96-91DC-4D11-A3DD-C913ED7C275C}" destId="{FFDF996F-C826-447F-B58E-29BCFAA71348}" srcOrd="0" destOrd="0" presId="urn:microsoft.com/office/officeart/2018/2/layout/IconCircleList"/>
    <dgm:cxn modelId="{91D20984-D9EC-A449-9B5F-620B419B13DF}" type="presParOf" srcId="{F408AE96-91DC-4D11-A3DD-C913ED7C275C}" destId="{401AB936-62A2-404C-A874-E0928DC8F962}" srcOrd="1" destOrd="0" presId="urn:microsoft.com/office/officeart/2018/2/layout/IconCircleList"/>
    <dgm:cxn modelId="{E334A30E-12F8-474B-8AB4-F8F54AA2C45F}" type="presParOf" srcId="{F408AE96-91DC-4D11-A3DD-C913ED7C275C}" destId="{DCF2A393-7E7A-45DD-B217-E6DDEFE921F5}" srcOrd="2" destOrd="0" presId="urn:microsoft.com/office/officeart/2018/2/layout/IconCircleList"/>
    <dgm:cxn modelId="{3B6104FB-7F3A-BC45-A725-CF9D937AB306}" type="presParOf" srcId="{F408AE96-91DC-4D11-A3DD-C913ED7C275C}" destId="{9B8724A9-66FC-4E53-8AEA-F02434FA563F}" srcOrd="3" destOrd="0" presId="urn:microsoft.com/office/officeart/2018/2/layout/IconCircleList"/>
    <dgm:cxn modelId="{FC801654-3A7F-834F-A749-181EA6A0ECAA}" type="presParOf" srcId="{A9C6CB5F-39DC-49DD-9112-00F3792D5E31}" destId="{8C907FB4-8764-4669-934E-C80F7754E9C4}" srcOrd="1" destOrd="0" presId="urn:microsoft.com/office/officeart/2018/2/layout/IconCircleList"/>
    <dgm:cxn modelId="{093D2212-D7C8-2E4C-A204-5E1E0314650D}" type="presParOf" srcId="{A9C6CB5F-39DC-49DD-9112-00F3792D5E31}" destId="{6DF383B6-2C8F-4045-9906-6548C6AD8AD3}" srcOrd="2" destOrd="0" presId="urn:microsoft.com/office/officeart/2018/2/layout/IconCircleList"/>
    <dgm:cxn modelId="{DDD0DFFF-A8F1-CD4C-B283-A59639F3DC81}" type="presParOf" srcId="{6DF383B6-2C8F-4045-9906-6548C6AD8AD3}" destId="{BF8BDEB7-AB52-4CFF-95BF-E36D8DF00D19}" srcOrd="0" destOrd="0" presId="urn:microsoft.com/office/officeart/2018/2/layout/IconCircleList"/>
    <dgm:cxn modelId="{5D50C917-89DD-AB42-8BA4-E15229F61B04}" type="presParOf" srcId="{6DF383B6-2C8F-4045-9906-6548C6AD8AD3}" destId="{AC84D47E-3F31-4DF3-90F9-FF3E963A9D24}" srcOrd="1" destOrd="0" presId="urn:microsoft.com/office/officeart/2018/2/layout/IconCircleList"/>
    <dgm:cxn modelId="{9FFF57C5-8BA8-D14D-AF52-A08B76D3410C}" type="presParOf" srcId="{6DF383B6-2C8F-4045-9906-6548C6AD8AD3}" destId="{AFF0F0A3-E317-49D0-BDCE-7317C34750AE}" srcOrd="2" destOrd="0" presId="urn:microsoft.com/office/officeart/2018/2/layout/IconCircleList"/>
    <dgm:cxn modelId="{2D38757E-4FF0-734F-B548-CD1E8F65D0C6}" type="presParOf" srcId="{6DF383B6-2C8F-4045-9906-6548C6AD8AD3}" destId="{31A0FA1A-E1C3-48B8-A30F-80FBA208A38F}" srcOrd="3" destOrd="0" presId="urn:microsoft.com/office/officeart/2018/2/layout/IconCircleList"/>
    <dgm:cxn modelId="{F7DEB664-2DD7-084B-B719-CDC2BE060C99}" type="presParOf" srcId="{A9C6CB5F-39DC-49DD-9112-00F3792D5E31}" destId="{EBC8C0C6-174E-42A6-93A4-40C9C8A9131C}" srcOrd="3" destOrd="0" presId="urn:microsoft.com/office/officeart/2018/2/layout/IconCircleList"/>
    <dgm:cxn modelId="{DEE5DE1B-E7D5-D74A-A722-FF25A8B6718A}" type="presParOf" srcId="{A9C6CB5F-39DC-49DD-9112-00F3792D5E31}" destId="{F8B60C5B-F49D-424F-A3D4-DA479C14471E}" srcOrd="4" destOrd="0" presId="urn:microsoft.com/office/officeart/2018/2/layout/IconCircleList"/>
    <dgm:cxn modelId="{9D661A44-5554-C149-8545-F6483493FE0D}" type="presParOf" srcId="{F8B60C5B-F49D-424F-A3D4-DA479C14471E}" destId="{BB776770-0DCA-4B84-858A-5750F4030CB5}" srcOrd="0" destOrd="0" presId="urn:microsoft.com/office/officeart/2018/2/layout/IconCircleList"/>
    <dgm:cxn modelId="{7425F362-5A1B-6D44-96C4-6528C630CDA8}" type="presParOf" srcId="{F8B60C5B-F49D-424F-A3D4-DA479C14471E}" destId="{A8A2659E-94DD-46FE-8250-4C16B481A5EA}" srcOrd="1" destOrd="0" presId="urn:microsoft.com/office/officeart/2018/2/layout/IconCircleList"/>
    <dgm:cxn modelId="{5A83B1DA-E627-5A47-9BDE-DEC3757D83EB}" type="presParOf" srcId="{F8B60C5B-F49D-424F-A3D4-DA479C14471E}" destId="{E7B3B0A1-0FC7-4649-9F52-AD242464FC04}" srcOrd="2" destOrd="0" presId="urn:microsoft.com/office/officeart/2018/2/layout/IconCircleList"/>
    <dgm:cxn modelId="{DD9B633B-0292-D84E-A898-43EEB25E8892}" type="presParOf" srcId="{F8B60C5B-F49D-424F-A3D4-DA479C14471E}" destId="{95FF150F-F523-4AA7-9E0B-4CC9CE7BE0EA}" srcOrd="3" destOrd="0" presId="urn:microsoft.com/office/officeart/2018/2/layout/IconCircleList"/>
    <dgm:cxn modelId="{3B0F8B86-F732-0045-9B5D-771E1C0C171E}" type="presParOf" srcId="{A9C6CB5F-39DC-49DD-9112-00F3792D5E31}" destId="{BC974E64-B917-407E-85FF-8B85A587E335}" srcOrd="5" destOrd="0" presId="urn:microsoft.com/office/officeart/2018/2/layout/IconCircleList"/>
    <dgm:cxn modelId="{771525D8-BEBF-244F-A035-6DF14E5C73D3}" type="presParOf" srcId="{A9C6CB5F-39DC-49DD-9112-00F3792D5E31}" destId="{619DC69C-B760-4FCE-8484-5D28A84BC3DF}" srcOrd="6" destOrd="0" presId="urn:microsoft.com/office/officeart/2018/2/layout/IconCircleList"/>
    <dgm:cxn modelId="{04C9A15A-2686-5F42-BA8F-652100905E08}" type="presParOf" srcId="{619DC69C-B760-4FCE-8484-5D28A84BC3DF}" destId="{D7EF67C2-3320-462B-A27D-7873131A5424}" srcOrd="0" destOrd="0" presId="urn:microsoft.com/office/officeart/2018/2/layout/IconCircleList"/>
    <dgm:cxn modelId="{8E041AE3-70DF-5143-8B8B-CA0D3D0FFB39}" type="presParOf" srcId="{619DC69C-B760-4FCE-8484-5D28A84BC3DF}" destId="{05E13EE0-D576-4524-8649-055BC13A6F25}" srcOrd="1" destOrd="0" presId="urn:microsoft.com/office/officeart/2018/2/layout/IconCircleList"/>
    <dgm:cxn modelId="{D5170F3A-F989-4C46-901C-9A5A5B0EBC6E}" type="presParOf" srcId="{619DC69C-B760-4FCE-8484-5D28A84BC3DF}" destId="{5B646156-3686-4A5A-8353-F54DFBBEF152}" srcOrd="2" destOrd="0" presId="urn:microsoft.com/office/officeart/2018/2/layout/IconCircleList"/>
    <dgm:cxn modelId="{104875A0-7682-F24C-90CC-CE112685F2DB}" type="presParOf" srcId="{619DC69C-B760-4FCE-8484-5D28A84BC3DF}" destId="{38830EB0-25DA-4E74-A5F8-480C84CAA1D8}" srcOrd="3" destOrd="0" presId="urn:microsoft.com/office/officeart/2018/2/layout/IconCircleList"/>
    <dgm:cxn modelId="{657B7460-E8DD-3E45-82B9-CE09D12ECC48}" type="presParOf" srcId="{A9C6CB5F-39DC-49DD-9112-00F3792D5E31}" destId="{D91080F3-BA99-46F1-974E-CF2F648432AF}" srcOrd="7" destOrd="0" presId="urn:microsoft.com/office/officeart/2018/2/layout/IconCircleList"/>
    <dgm:cxn modelId="{AED9403C-CA02-F24B-BD3A-19F992624034}" type="presParOf" srcId="{A9C6CB5F-39DC-49DD-9112-00F3792D5E31}" destId="{E3A8A410-DEB9-412C-A25F-C18280E7861B}" srcOrd="8" destOrd="0" presId="urn:microsoft.com/office/officeart/2018/2/layout/IconCircleList"/>
    <dgm:cxn modelId="{604B5C97-4A46-CD44-8F1B-A0DCD87B4ECE}" type="presParOf" srcId="{E3A8A410-DEB9-412C-A25F-C18280E7861B}" destId="{468B7498-7729-468C-B6A0-ACD988422B56}" srcOrd="0" destOrd="0" presId="urn:microsoft.com/office/officeart/2018/2/layout/IconCircleList"/>
    <dgm:cxn modelId="{7EC6714F-D9E3-B943-86FD-182494283B03}" type="presParOf" srcId="{E3A8A410-DEB9-412C-A25F-C18280E7861B}" destId="{9B9436D2-F782-4388-87C9-BA081EC6760D}" srcOrd="1" destOrd="0" presId="urn:microsoft.com/office/officeart/2018/2/layout/IconCircleList"/>
    <dgm:cxn modelId="{243C3256-0B02-D644-A51B-7D2918838EBF}" type="presParOf" srcId="{E3A8A410-DEB9-412C-A25F-C18280E7861B}" destId="{8A10859A-FACE-4B87-B8EB-28B7C10630A1}" srcOrd="2" destOrd="0" presId="urn:microsoft.com/office/officeart/2018/2/layout/IconCircleList"/>
    <dgm:cxn modelId="{17641D67-7056-3042-944E-86A6C491CCB2}" type="presParOf" srcId="{E3A8A410-DEB9-412C-A25F-C18280E7861B}" destId="{0CADE34A-D09C-4542-9927-CA28B3D48C31}" srcOrd="3" destOrd="0" presId="urn:microsoft.com/office/officeart/2018/2/layout/IconCircleList"/>
    <dgm:cxn modelId="{B62FD3C5-264E-E041-805F-4F3E04557B61}" type="presParOf" srcId="{A9C6CB5F-39DC-49DD-9112-00F3792D5E31}" destId="{F97C560C-9665-4B20-B216-385A51A25337}" srcOrd="9" destOrd="0" presId="urn:microsoft.com/office/officeart/2018/2/layout/IconCircleList"/>
    <dgm:cxn modelId="{5BB546B2-36D7-6048-A9F5-452441A39A82}" type="presParOf" srcId="{A9C6CB5F-39DC-49DD-9112-00F3792D5E31}" destId="{16E73FAB-94AA-4AC1-BF53-3C2BDD2C1054}" srcOrd="10" destOrd="0" presId="urn:microsoft.com/office/officeart/2018/2/layout/IconCircleList"/>
    <dgm:cxn modelId="{A71DA73D-C6A2-7243-B240-6EF73CAD2BAE}" type="presParOf" srcId="{16E73FAB-94AA-4AC1-BF53-3C2BDD2C1054}" destId="{D5C33BCF-10F7-4CF4-92A4-3616EEBBAB6F}" srcOrd="0" destOrd="0" presId="urn:microsoft.com/office/officeart/2018/2/layout/IconCircleList"/>
    <dgm:cxn modelId="{D973FEB2-9D50-5144-A4F3-B36E27C41571}" type="presParOf" srcId="{16E73FAB-94AA-4AC1-BF53-3C2BDD2C1054}" destId="{19C350EB-2D88-4113-99CA-630D647BF476}" srcOrd="1" destOrd="0" presId="urn:microsoft.com/office/officeart/2018/2/layout/IconCircleList"/>
    <dgm:cxn modelId="{4D840610-8AEE-BC46-93FB-6ACC191C7FAA}" type="presParOf" srcId="{16E73FAB-94AA-4AC1-BF53-3C2BDD2C1054}" destId="{D2CEA8AC-765C-47A9-96D1-5B89F00F1C38}" srcOrd="2" destOrd="0" presId="urn:microsoft.com/office/officeart/2018/2/layout/IconCircleList"/>
    <dgm:cxn modelId="{3EFD9325-F19D-B14B-994E-FBA8C7873BBB}" type="presParOf" srcId="{16E73FAB-94AA-4AC1-BF53-3C2BDD2C1054}" destId="{2001A3A2-69C8-4EBC-8D00-52DF8E4E5D60}" srcOrd="3" destOrd="0" presId="urn:microsoft.com/office/officeart/2018/2/layout/IconCircle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FDF996F-C826-447F-B58E-29BCFAA71348}">
      <dsp:nvSpPr>
        <dsp:cNvPr id="0" name=""/>
        <dsp:cNvSpPr/>
      </dsp:nvSpPr>
      <dsp:spPr>
        <a:xfrm>
          <a:off x="82613" y="908559"/>
          <a:ext cx="897246" cy="897246"/>
        </a:xfrm>
        <a:prstGeom prst="ellipse">
          <a:avLst/>
        </a:prstGeom>
        <a:solidFill>
          <a:schemeClr val="bg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01AB936-62A2-404C-A874-E0928DC8F962}">
      <dsp:nvSpPr>
        <dsp:cNvPr id="0" name=""/>
        <dsp:cNvSpPr/>
      </dsp:nvSpPr>
      <dsp:spPr>
        <a:xfrm>
          <a:off x="271034" y="1096980"/>
          <a:ext cx="520402" cy="52040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B8724A9-66FC-4E53-8AEA-F02434FA563F}">
      <dsp:nvSpPr>
        <dsp:cNvPr id="0" name=""/>
        <dsp:cNvSpPr/>
      </dsp:nvSpPr>
      <dsp:spPr>
        <a:xfrm>
          <a:off x="1172126" y="908559"/>
          <a:ext cx="2114937" cy="8972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600" kern="1200" dirty="0"/>
            <a:t>Création d’une nouvelle adresse mail</a:t>
          </a:r>
          <a:endParaRPr lang="en-US" sz="1600" kern="1200" dirty="0"/>
        </a:p>
      </dsp:txBody>
      <dsp:txXfrm>
        <a:off x="1172126" y="908559"/>
        <a:ext cx="2114937" cy="897246"/>
      </dsp:txXfrm>
    </dsp:sp>
    <dsp:sp modelId="{BF8BDEB7-AB52-4CFF-95BF-E36D8DF00D19}">
      <dsp:nvSpPr>
        <dsp:cNvPr id="0" name=""/>
        <dsp:cNvSpPr/>
      </dsp:nvSpPr>
      <dsp:spPr>
        <a:xfrm>
          <a:off x="3655575" y="908559"/>
          <a:ext cx="897246" cy="897246"/>
        </a:xfrm>
        <a:prstGeom prst="ellipse">
          <a:avLst/>
        </a:prstGeom>
        <a:solidFill>
          <a:schemeClr val="bg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C84D47E-3F31-4DF3-90F9-FF3E963A9D24}">
      <dsp:nvSpPr>
        <dsp:cNvPr id="0" name=""/>
        <dsp:cNvSpPr/>
      </dsp:nvSpPr>
      <dsp:spPr>
        <a:xfrm>
          <a:off x="3843996" y="1096980"/>
          <a:ext cx="520402" cy="520402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1A0FA1A-E1C3-48B8-A30F-80FBA208A38F}">
      <dsp:nvSpPr>
        <dsp:cNvPr id="0" name=""/>
        <dsp:cNvSpPr/>
      </dsp:nvSpPr>
      <dsp:spPr>
        <a:xfrm>
          <a:off x="4745088" y="908559"/>
          <a:ext cx="2114937" cy="8972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600" kern="1200" dirty="0"/>
            <a:t>Publication des anniversaires</a:t>
          </a:r>
          <a:endParaRPr lang="en-US" sz="1600" kern="1200" dirty="0"/>
        </a:p>
      </dsp:txBody>
      <dsp:txXfrm>
        <a:off x="4745088" y="908559"/>
        <a:ext cx="2114937" cy="897246"/>
      </dsp:txXfrm>
    </dsp:sp>
    <dsp:sp modelId="{BB776770-0DCA-4B84-858A-5750F4030CB5}">
      <dsp:nvSpPr>
        <dsp:cNvPr id="0" name=""/>
        <dsp:cNvSpPr/>
      </dsp:nvSpPr>
      <dsp:spPr>
        <a:xfrm>
          <a:off x="7228536" y="908559"/>
          <a:ext cx="897246" cy="897246"/>
        </a:xfrm>
        <a:prstGeom prst="ellipse">
          <a:avLst/>
        </a:prstGeom>
        <a:solidFill>
          <a:schemeClr val="bg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8A2659E-94DD-46FE-8250-4C16B481A5EA}">
      <dsp:nvSpPr>
        <dsp:cNvPr id="0" name=""/>
        <dsp:cNvSpPr/>
      </dsp:nvSpPr>
      <dsp:spPr>
        <a:xfrm>
          <a:off x="7416958" y="1096980"/>
          <a:ext cx="520402" cy="520402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5FF150F-F523-4AA7-9E0B-4CC9CE7BE0EA}">
      <dsp:nvSpPr>
        <dsp:cNvPr id="0" name=""/>
        <dsp:cNvSpPr/>
      </dsp:nvSpPr>
      <dsp:spPr>
        <a:xfrm>
          <a:off x="8318049" y="908559"/>
          <a:ext cx="2114937" cy="8972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600" kern="1200" dirty="0"/>
            <a:t>Groupe WhatsApp des coachs pour récupérer les photos des matchs</a:t>
          </a:r>
          <a:endParaRPr lang="en-US" sz="1600" kern="1200" dirty="0"/>
        </a:p>
      </dsp:txBody>
      <dsp:txXfrm>
        <a:off x="8318049" y="908559"/>
        <a:ext cx="2114937" cy="897246"/>
      </dsp:txXfrm>
    </dsp:sp>
    <dsp:sp modelId="{D7EF67C2-3320-462B-A27D-7873131A5424}">
      <dsp:nvSpPr>
        <dsp:cNvPr id="0" name=""/>
        <dsp:cNvSpPr/>
      </dsp:nvSpPr>
      <dsp:spPr>
        <a:xfrm>
          <a:off x="82613" y="2545532"/>
          <a:ext cx="897246" cy="897246"/>
        </a:xfrm>
        <a:prstGeom prst="ellipse">
          <a:avLst/>
        </a:prstGeom>
        <a:solidFill>
          <a:schemeClr val="bg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5E13EE0-D576-4524-8649-055BC13A6F25}">
      <dsp:nvSpPr>
        <dsp:cNvPr id="0" name=""/>
        <dsp:cNvSpPr/>
      </dsp:nvSpPr>
      <dsp:spPr>
        <a:xfrm>
          <a:off x="271034" y="2733954"/>
          <a:ext cx="520402" cy="520402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8830EB0-25DA-4E74-A5F8-480C84CAA1D8}">
      <dsp:nvSpPr>
        <dsp:cNvPr id="0" name=""/>
        <dsp:cNvSpPr/>
      </dsp:nvSpPr>
      <dsp:spPr>
        <a:xfrm>
          <a:off x="1172126" y="2545532"/>
          <a:ext cx="2114937" cy="8972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6667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500" kern="1200" dirty="0"/>
            <a:t>Alimentation des comptes Facebook et </a:t>
          </a:r>
          <a:r>
            <a:rPr lang="fr-FR" sz="1600" kern="1200" dirty="0"/>
            <a:t>Instagram</a:t>
          </a:r>
          <a:r>
            <a:rPr lang="fr-FR" sz="1500" kern="1200" dirty="0"/>
            <a:t> tout au long de l’année</a:t>
          </a:r>
          <a:endParaRPr lang="en-US" sz="1500" kern="1200" dirty="0"/>
        </a:p>
      </dsp:txBody>
      <dsp:txXfrm>
        <a:off x="1172126" y="2545532"/>
        <a:ext cx="2114937" cy="897246"/>
      </dsp:txXfrm>
    </dsp:sp>
    <dsp:sp modelId="{468B7498-7729-468C-B6A0-ACD988422B56}">
      <dsp:nvSpPr>
        <dsp:cNvPr id="0" name=""/>
        <dsp:cNvSpPr/>
      </dsp:nvSpPr>
      <dsp:spPr>
        <a:xfrm>
          <a:off x="3655575" y="2545532"/>
          <a:ext cx="897246" cy="897246"/>
        </a:xfrm>
        <a:prstGeom prst="ellipse">
          <a:avLst/>
        </a:prstGeom>
        <a:solidFill>
          <a:schemeClr val="bg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B9436D2-F782-4388-87C9-BA081EC6760D}">
      <dsp:nvSpPr>
        <dsp:cNvPr id="0" name=""/>
        <dsp:cNvSpPr/>
      </dsp:nvSpPr>
      <dsp:spPr>
        <a:xfrm>
          <a:off x="3843996" y="2733954"/>
          <a:ext cx="520402" cy="520402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CADE34A-D09C-4542-9927-CA28B3D48C31}">
      <dsp:nvSpPr>
        <dsp:cNvPr id="0" name=""/>
        <dsp:cNvSpPr/>
      </dsp:nvSpPr>
      <dsp:spPr>
        <a:xfrm>
          <a:off x="4745088" y="2545532"/>
          <a:ext cx="2114937" cy="8972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FR" sz="1600" kern="1200" dirty="0"/>
            <a:t>Renouveau des supports de communication (affiches, flyers, réels)</a:t>
          </a:r>
          <a:endParaRPr lang="en-US" sz="1600" kern="1200" dirty="0"/>
        </a:p>
      </dsp:txBody>
      <dsp:txXfrm>
        <a:off x="4745088" y="2545532"/>
        <a:ext cx="2114937" cy="897246"/>
      </dsp:txXfrm>
    </dsp:sp>
    <dsp:sp modelId="{D5C33BCF-10F7-4CF4-92A4-3616EEBBAB6F}">
      <dsp:nvSpPr>
        <dsp:cNvPr id="0" name=""/>
        <dsp:cNvSpPr/>
      </dsp:nvSpPr>
      <dsp:spPr>
        <a:xfrm>
          <a:off x="7228536" y="2545532"/>
          <a:ext cx="897246" cy="897246"/>
        </a:xfrm>
        <a:prstGeom prst="ellipse">
          <a:avLst/>
        </a:prstGeom>
        <a:solidFill>
          <a:schemeClr val="bg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9C350EB-2D88-4113-99CA-630D647BF476}">
      <dsp:nvSpPr>
        <dsp:cNvPr id="0" name=""/>
        <dsp:cNvSpPr/>
      </dsp:nvSpPr>
      <dsp:spPr>
        <a:xfrm>
          <a:off x="7416958" y="2733954"/>
          <a:ext cx="520402" cy="520402"/>
        </a:xfrm>
        <a:prstGeom prst="rect">
          <a:avLst/>
        </a:prstGeom>
        <a:blipFill>
          <a:blip xmlns:r="http://schemas.openxmlformats.org/officeDocument/2006/relationships"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001A3A2-69C8-4EBC-8D00-52DF8E4E5D60}">
      <dsp:nvSpPr>
        <dsp:cNvPr id="0" name=""/>
        <dsp:cNvSpPr/>
      </dsp:nvSpPr>
      <dsp:spPr>
        <a:xfrm>
          <a:off x="8318049" y="2545532"/>
          <a:ext cx="2114937" cy="8972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7112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 err="1"/>
            <a:t>Création</a:t>
          </a:r>
          <a:r>
            <a:rPr lang="en-US" sz="1600" kern="1200" dirty="0"/>
            <a:t> </a:t>
          </a:r>
          <a:r>
            <a:rPr lang="en-US" sz="1600" kern="1200" dirty="0" err="1"/>
            <a:t>d’une</a:t>
          </a:r>
          <a:r>
            <a:rPr lang="en-US" sz="1600" kern="1200" dirty="0"/>
            <a:t> affiche pour le </a:t>
          </a:r>
          <a:r>
            <a:rPr lang="en-US" sz="1600" kern="1200" dirty="0" err="1"/>
            <a:t>tournoi</a:t>
          </a:r>
          <a:r>
            <a:rPr lang="en-US" sz="1600" kern="1200" dirty="0"/>
            <a:t> et d’un flyer </a:t>
          </a:r>
          <a:r>
            <a:rPr lang="en-US" sz="1600" kern="1200" dirty="0" err="1"/>
            <a:t>lié</a:t>
          </a:r>
          <a:r>
            <a:rPr lang="en-US" sz="1600" kern="1200" dirty="0"/>
            <a:t> au basket </a:t>
          </a:r>
          <a:r>
            <a:rPr lang="en-US" sz="1600" kern="1200" dirty="0" err="1"/>
            <a:t>santé</a:t>
          </a:r>
          <a:endParaRPr lang="en-US" sz="1600" kern="1200" dirty="0"/>
        </a:p>
      </dsp:txBody>
      <dsp:txXfrm>
        <a:off x="8318049" y="2545532"/>
        <a:ext cx="2114937" cy="89724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CircleList">
  <dgm:title val="Icon Circle List"/>
  <dgm:desc val="Use to show non-sequential or grouped chunks of information accompanied by related visuals. Circular shapes can hold an icon or small picture and corresponding text box shows Level 1 text. Works best for icons or small pictures with medium-length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alg type="sp"/>
    <dgm:shape xmlns:r="http://schemas.openxmlformats.org/officeDocument/2006/relationships" r:blip="">
      <dgm:adjLst/>
    </dgm:shape>
    <dgm:presOf/>
    <dgm:choose name="Name0">
      <dgm:if name="Name1" axis="ch" ptType="node" func="cnt" op="lte" val="3">
        <dgm:constrLst>
          <dgm:constr type="w" for="ch" forName="container" refType="w"/>
          <dgm:constr type="h" for="ch" forName="container" refType="h" fact="0.4"/>
        </dgm:constrLst>
      </dgm:if>
      <dgm:else name="Name2">
        <dgm:constrLst>
          <dgm:constr type="w" for="ch" forName="container" refType="w"/>
          <dgm:constr type="h" for="ch" forName="container" refType="h"/>
        </dgm:constrLst>
      </dgm:else>
    </dgm:choose>
    <dgm:ruleLst>
      <dgm:rule type="h" for="ch" forName="container" val="INF" fact="NaN" max="NaN"/>
    </dgm:ruleLst>
    <dgm:layoutNode name="container">
      <dgm:varLst>
        <dgm:dir/>
        <dgm:resizeHandles val="exact"/>
      </dgm:varLst>
      <dgm:choose name="Name3">
        <dgm:if name="Name4" axis="self" func="var" arg="dir" op="equ" val="norm">
          <dgm:alg type="snake">
            <dgm:param type="grDir" val="tL"/>
            <dgm:param type="flowDir" val="row"/>
            <dgm:param type="contDir" val="sameDir"/>
          </dgm:alg>
        </dgm:if>
        <dgm:else name="Name5">
          <dgm:alg type="snake">
            <dgm:param type="grDir" val="tR"/>
            <dgm:param type="flowDir" val="row"/>
            <dgm:param type="contDir" val="sameDi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w" fact="0.28"/>
        <dgm:constr type="w" for="ch" forName="sibTrans" refType="w" refFor="ch" refForName="compNode" fact="0.115"/>
        <dgm:constr type="sp" refType="h" op="equ" fact="0.17"/>
        <dgm:constr type="primFontSz" for="des" ptType="node" op="equ" val="24"/>
        <dgm:constr type="h" for="des" forName="compNode" op="equ"/>
        <dgm:constr type="h" for="des" forName="iconBgRect" op="equ"/>
      </dgm:constrLst>
      <dgm:ruleLst>
        <dgm:rule type="w" for="ch" forName="compNode" val="60" fact="NaN" max="NaN"/>
      </dgm:ruleLst>
      <dgm:forEach name="Name6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 axis="self"/>
          <dgm:constrLst>
            <dgm:constr type="w" for="ch" forName="iconBgRect" refType="w" fact="0.28"/>
            <dgm:constr type="h" for="ch" forName="iconBgRect" refType="w" refFor="ch" refForName="iconBgRect"/>
            <dgm:constr type="t" for="ch" forName="iconBgRect"/>
            <dgm:constr type="l" for="ch" forName="iconBgRect"/>
            <dgm:constr type="w" for="ch" forName="iconRect" refType="w" refFor="ch" refForName="iconBgRect" fact="0.58"/>
            <dgm:constr type="h" for="ch" forName="iconRect" refType="w" refFor="ch" refForName="iconRect"/>
            <dgm:constr type="ctrX" for="ch" forName="iconRect" refType="ctrX" refFor="ch" refForName="iconBgRect"/>
            <dgm:constr type="ctrY" for="ch" forName="iconRect" refType="ctrY" refFor="ch" refForName="iconBgRect"/>
            <dgm:constr type="w" for="ch" forName="spaceRect" refType="w" fact="0.06"/>
            <dgm:constr type="h" for="ch" forName="spaceRect" refType="h" refFor="ch" refForName="iconBgRect"/>
            <dgm:constr type="t" for="ch" forName="spaceRect" refType="t" refFor="ch" refForName="iconBgRect"/>
            <dgm:constr type="l" for="ch" forName="spaceRect" refType="r" refFor="ch" refForName="iconBgRect"/>
            <dgm:constr type="h" for="ch" forName="textRect" refType="h" refFor="ch" refForName="iconBgRect"/>
            <dgm:constr type="t" for="ch" forName="textRect" refType="t" refFor="ch" refForName="iconBgRect"/>
            <dgm:constr type="l" for="ch" forName="textRect" refType="r" refFor="ch" refForName="spaceRect"/>
          </dgm:constrLst>
          <dgm:ruleLst/>
          <dgm:layoutNode name="iconBgRect" styleLbl="bgShp">
            <dgm:alg type="sp"/>
            <dgm:shape xmlns:r="http://schemas.openxmlformats.org/officeDocument/2006/relationships" type="ellipse" r:blip="">
              <dgm:adjLst/>
            </dgm:shape>
            <dgm:presOf/>
            <dgm:constrLst/>
            <dgm:ruleLst/>
          </dgm:layoutNode>
          <dgm:layoutNode name="iconRect" styleLbl="node1">
            <dgm:alg type="sp"/>
            <dgm:shape xmlns:r="http://schemas.openxmlformats.org/officeDocument/2006/relationships" type="rect" r:blip="" blipPhldr="1">
              <dgm:adjLst/>
            </dgm:shape>
            <dgm:presOf/>
            <dgm:constrLst/>
            <dgm:ruleLst/>
          </dgm:layoutNode>
          <dgm:layoutNode name="spaceRect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textRect" styleLbl="revTx">
            <dgm:varLst>
              <dgm:chMax val="1"/>
              <dgm:chPref val="1"/>
            </dgm:varLst>
            <dgm:choose name="Name7">
              <dgm:if name="Name8" func="var" arg="dir" op="equ" val="norm">
                <dgm:alg type="tx">
                  <dgm:param type="txAnchorVert" val="mid"/>
                  <dgm:param type="parTxLTRAlign" val="l"/>
                  <dgm:param type="shpTxLTRAlignCh" val="l"/>
                  <dgm:param type="parTxRTLAlign" val="l"/>
                  <dgm:param type="shpTxRTLAlignCh" val="l"/>
                </dgm:alg>
              </dgm:if>
              <dgm:else name="Name9">
                <dgm:alg type="tx">
                  <dgm:param type="txAnchorVert" val="mid"/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self" ptType="node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11" fact="NaN" max="NaN"/>
            </dgm:ruleLst>
          </dgm:layoutNode>
        </dgm:layoutNode>
        <dgm:forEach name="Name10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9901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9901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1EEE6EA-0236-4F64-AA7A-8FB8488F720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44500" y="1243013"/>
            <a:ext cx="5969000" cy="33575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786362"/>
            <a:ext cx="5486400" cy="391611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6678"/>
            <a:ext cx="2971800" cy="49901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9446678"/>
            <a:ext cx="2971800" cy="49901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F36DEED-593F-4376-A8E9-804137E2AF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992136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rtl="0"/>
            <a:fld id="{FC8BD8E7-1312-41F3-99C4-6DA5AF891969}" type="slidenum">
              <a:rPr lang="fr-FR" noProof="0" smtClean="0"/>
              <a:t>23</a:t>
            </a:fld>
            <a:endParaRPr lang="fr-FR" noProof="0" dirty="0"/>
          </a:p>
        </p:txBody>
      </p:sp>
    </p:spTree>
    <p:extLst>
      <p:ext uri="{BB962C8B-B14F-4D97-AF65-F5344CB8AC3E}">
        <p14:creationId xmlns:p14="http://schemas.microsoft.com/office/powerpoint/2010/main" val="3604130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rtl="0"/>
            <a:fld id="{FC8BD8E7-1312-41F3-99C4-6DA5AF891969}" type="slidenum">
              <a:rPr lang="fr-FR" noProof="0" smtClean="0"/>
              <a:t>25</a:t>
            </a:fld>
            <a:endParaRPr lang="fr-FR" noProof="0" dirty="0"/>
          </a:p>
        </p:txBody>
      </p:sp>
    </p:spTree>
    <p:extLst>
      <p:ext uri="{BB962C8B-B14F-4D97-AF65-F5344CB8AC3E}">
        <p14:creationId xmlns:p14="http://schemas.microsoft.com/office/powerpoint/2010/main" val="69828033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F36DEED-593F-4376-A8E9-804137E2AF63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33228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F36DEED-593F-4376-A8E9-804137E2AF63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386175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2E3BC9-FD32-8340-9CB9-653A6685B328}" type="slidenum">
              <a:rPr lang="fr-FR" smtClean="0"/>
              <a:t>5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361206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58026F-4EA3-461C-9752-DFBCAE3CC61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8DF479F-EE0B-4D4D-8BF1-6EAB0389418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0FD64F-2899-4357-B5D9-C7CDA3CA20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E5A864-0CAC-4F5D-A3E3-F5278D5616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53CDCFF-3EEF-45C7-B700-AC1A5B7643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40794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0A086F-4534-4AED-A1EB-0262142EE3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7C34B10-4F10-45E7-8F0B-2C27F58BE44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868E36-1EAB-40B8-891A-0C2C4253D2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5E15BD-7D84-465B-80DB-E58DE7C69C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AE9451-7FD1-43CF-B168-1A4CA26A80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205889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51CB53-D041-46EF-84EE-0D725B42B51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2BF9E09-9145-498D-9575-0E454762AFA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352234-4FB3-40F5-A1DA-D3AD0B74EB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0AD27A6-DDB8-4363-BD93-062950C5D9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5C4533-DA64-4891-8448-B480668B47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78751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Slide Compan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2">
            <a:extLst>
              <a:ext uri="{FF2B5EF4-FFF2-40B4-BE49-F238E27FC236}">
                <a16:creationId xmlns:a16="http://schemas.microsoft.com/office/drawing/2014/main" id="{D37C4876-F1CB-49DA-8B69-1E8E832DDDE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 bwMode="gray">
          <a:xfrm>
            <a:off x="0" y="1"/>
            <a:ext cx="12192000" cy="6858000"/>
          </a:xfrm>
          <a:custGeom>
            <a:avLst/>
            <a:gdLst/>
            <a:ahLst/>
            <a:cxnLst/>
            <a:rect l="l" t="t" r="r" b="b"/>
            <a:pathLst>
              <a:path w="2953414" h="4932102">
                <a:moveTo>
                  <a:pt x="0" y="0"/>
                </a:moveTo>
                <a:lnTo>
                  <a:pt x="2953414" y="0"/>
                </a:lnTo>
                <a:lnTo>
                  <a:pt x="2953414" y="4932102"/>
                </a:lnTo>
                <a:lnTo>
                  <a:pt x="0" y="493210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tIns="0" anchor="ctr" anchorCtr="0"/>
          <a:lstStyle>
            <a:lvl1pPr algn="ctr">
              <a:lnSpc>
                <a:spcPct val="100000"/>
              </a:lnSpc>
              <a:spcAft>
                <a:spcPts val="0"/>
              </a:spcAft>
              <a:defRPr sz="1058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7279423D-05BE-4471-BD21-CF8A186ADE7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gray">
          <a:xfrm>
            <a:off x="1142542" y="1143087"/>
            <a:ext cx="6477197" cy="2666509"/>
          </a:xfrm>
        </p:spPr>
        <p:txBody>
          <a:bodyPr tIns="0" bIns="144000" anchor="b"/>
          <a:lstStyle>
            <a:lvl1pPr>
              <a:lnSpc>
                <a:spcPct val="75000"/>
              </a:lnSpc>
              <a:defRPr sz="6349" b="1" i="0" spc="26" baseline="0">
                <a:solidFill>
                  <a:schemeClr val="tx1"/>
                </a:solidFill>
                <a:latin typeface="+mj-lt"/>
              </a:defRPr>
            </a:lvl1pPr>
            <a:lvl2pPr>
              <a:lnSpc>
                <a:spcPct val="75000"/>
              </a:lnSpc>
              <a:defRPr sz="6349" b="1" spc="26" baseline="0">
                <a:solidFill>
                  <a:schemeClr val="tx1"/>
                </a:solidFill>
                <a:latin typeface="+mj-lt"/>
              </a:defRPr>
            </a:lvl2pPr>
            <a:lvl3pPr>
              <a:lnSpc>
                <a:spcPct val="75000"/>
              </a:lnSpc>
              <a:defRPr sz="6349" b="1" spc="26" baseline="0">
                <a:solidFill>
                  <a:schemeClr val="tx1"/>
                </a:solidFill>
                <a:latin typeface="+mj-lt"/>
              </a:defRPr>
            </a:lvl3pPr>
            <a:lvl4pPr>
              <a:lnSpc>
                <a:spcPct val="75000"/>
              </a:lnSpc>
              <a:defRPr sz="6349" b="1" spc="26" baseline="0">
                <a:solidFill>
                  <a:schemeClr val="tx1"/>
                </a:solidFill>
                <a:latin typeface="+mj-lt"/>
              </a:defRPr>
            </a:lvl4pPr>
            <a:lvl5pPr>
              <a:lnSpc>
                <a:spcPct val="75000"/>
              </a:lnSpc>
              <a:defRPr sz="6349" b="1" spc="26" baseline="0">
                <a:solidFill>
                  <a:schemeClr val="tx1"/>
                </a:solidFill>
                <a:latin typeface="+mj-lt"/>
              </a:defRPr>
            </a:lvl5pPr>
            <a:lvl6pPr>
              <a:lnSpc>
                <a:spcPct val="75000"/>
              </a:lnSpc>
              <a:defRPr sz="6349" b="1" spc="26" baseline="0">
                <a:solidFill>
                  <a:schemeClr val="tx1"/>
                </a:solidFill>
                <a:latin typeface="+mj-lt"/>
              </a:defRPr>
            </a:lvl6pPr>
            <a:lvl7pPr>
              <a:lnSpc>
                <a:spcPct val="75000"/>
              </a:lnSpc>
              <a:defRPr sz="6349" b="1" spc="26" baseline="0">
                <a:solidFill>
                  <a:schemeClr val="tx1"/>
                </a:solidFill>
                <a:latin typeface="+mj-lt"/>
              </a:defRPr>
            </a:lvl7pPr>
            <a:lvl8pPr>
              <a:lnSpc>
                <a:spcPct val="75000"/>
              </a:lnSpc>
              <a:defRPr sz="6349" b="1" spc="26" baseline="0">
                <a:solidFill>
                  <a:schemeClr val="tx1"/>
                </a:solidFill>
                <a:latin typeface="+mj-lt"/>
              </a:defRPr>
            </a:lvl8pPr>
            <a:lvl9pPr algn="l">
              <a:lnSpc>
                <a:spcPct val="75000"/>
              </a:lnSpc>
              <a:defRPr sz="6349" b="1" spc="26" baseline="0">
                <a:solidFill>
                  <a:schemeClr val="tx1"/>
                </a:solidFill>
                <a:latin typeface="+mj-lt"/>
              </a:defRPr>
            </a:lvl9pPr>
          </a:lstStyle>
          <a:p>
            <a:pPr lvl="0"/>
            <a:r>
              <a:rPr lang="en-US" noProof="0" dirty="0"/>
              <a:t>Title of your presentation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CE607C86-A073-4B8A-9703-E7131EEB5579}"/>
              </a:ext>
            </a:extLst>
          </p:cNvPr>
          <p:cNvSpPr>
            <a:spLocks noGrp="1"/>
          </p:cNvSpPr>
          <p:nvPr>
            <p:ph type="subTitle" idx="1"/>
          </p:nvPr>
        </p:nvSpPr>
        <p:spPr bwMode="gray">
          <a:xfrm>
            <a:off x="1142542" y="3809596"/>
            <a:ext cx="4191412" cy="762233"/>
          </a:xfrm>
        </p:spPr>
        <p:txBody>
          <a:bodyPr tIns="0" anchor="t" anchorCtr="0"/>
          <a:lstStyle>
            <a:lvl1pPr marL="0" indent="0" algn="l">
              <a:lnSpc>
                <a:spcPct val="75000"/>
              </a:lnSpc>
              <a:spcBef>
                <a:spcPts val="0"/>
              </a:spcBef>
              <a:spcAft>
                <a:spcPts val="0"/>
              </a:spcAft>
              <a:buNone/>
              <a:defRPr sz="1852" b="0" i="0" cap="all" spc="26" baseline="0">
                <a:solidFill>
                  <a:schemeClr val="tx1"/>
                </a:solidFill>
                <a:latin typeface="+mj-lt"/>
                <a:cs typeface="AdihausDIN" panose="020B0504020101020102" pitchFamily="34" charset="0"/>
              </a:defRPr>
            </a:lvl1pPr>
            <a:lvl2pPr marL="0" indent="0" algn="l">
              <a:lnSpc>
                <a:spcPct val="75000"/>
              </a:lnSpc>
              <a:spcBef>
                <a:spcPts val="0"/>
              </a:spcBef>
              <a:spcAft>
                <a:spcPts val="0"/>
              </a:spcAft>
              <a:buFont typeface="AdihausDIN" panose="020B0604020202020204" pitchFamily="34" charset="0"/>
              <a:buNone/>
              <a:defRPr sz="1852" b="0" cap="all" spc="26" baseline="0">
                <a:solidFill>
                  <a:schemeClr val="tx1"/>
                </a:solidFill>
                <a:latin typeface="+mj-lt"/>
              </a:defRPr>
            </a:lvl2pPr>
            <a:lvl3pPr marL="0" indent="0" algn="l">
              <a:lnSpc>
                <a:spcPct val="75000"/>
              </a:lnSpc>
              <a:spcBef>
                <a:spcPts val="0"/>
              </a:spcBef>
              <a:spcAft>
                <a:spcPts val="0"/>
              </a:spcAft>
              <a:buFont typeface="AdihausDIN" panose="020B0604020202020204" pitchFamily="34" charset="0"/>
              <a:buNone/>
              <a:defRPr sz="1852" b="0" cap="all" spc="26" baseline="0">
                <a:solidFill>
                  <a:schemeClr val="tx1"/>
                </a:solidFill>
                <a:latin typeface="+mj-lt"/>
              </a:defRPr>
            </a:lvl3pPr>
            <a:lvl4pPr marL="0" indent="0" algn="l">
              <a:lnSpc>
                <a:spcPct val="75000"/>
              </a:lnSpc>
              <a:spcBef>
                <a:spcPts val="0"/>
              </a:spcBef>
              <a:spcAft>
                <a:spcPts val="0"/>
              </a:spcAft>
              <a:buFont typeface="AdihausDIN" panose="020B0604020202020204" pitchFamily="34" charset="0"/>
              <a:buNone/>
              <a:defRPr sz="1852" b="0" cap="all" spc="26" baseline="0">
                <a:solidFill>
                  <a:schemeClr val="tx1"/>
                </a:solidFill>
                <a:latin typeface="+mj-lt"/>
              </a:defRPr>
            </a:lvl4pPr>
            <a:lvl5pPr marL="0" indent="0" algn="l">
              <a:lnSpc>
                <a:spcPct val="75000"/>
              </a:lnSpc>
              <a:spcBef>
                <a:spcPts val="0"/>
              </a:spcBef>
              <a:spcAft>
                <a:spcPts val="0"/>
              </a:spcAft>
              <a:buFont typeface="AdihausDIN" panose="020B0604020202020204" pitchFamily="34" charset="0"/>
              <a:buNone/>
              <a:defRPr sz="1852" b="0" cap="all" spc="26" baseline="0">
                <a:solidFill>
                  <a:schemeClr val="tx1"/>
                </a:solidFill>
                <a:latin typeface="+mj-lt"/>
              </a:defRPr>
            </a:lvl5pPr>
            <a:lvl6pPr marL="0" indent="0" algn="l">
              <a:lnSpc>
                <a:spcPct val="75000"/>
              </a:lnSpc>
              <a:spcBef>
                <a:spcPts val="0"/>
              </a:spcBef>
              <a:spcAft>
                <a:spcPts val="0"/>
              </a:spcAft>
              <a:buFont typeface="AdihausDIN" panose="020B0604020202020204" pitchFamily="34" charset="0"/>
              <a:buNone/>
              <a:defRPr sz="1852" b="0" cap="all" spc="26" baseline="0">
                <a:solidFill>
                  <a:schemeClr val="tx1"/>
                </a:solidFill>
                <a:latin typeface="+mj-lt"/>
              </a:defRPr>
            </a:lvl6pPr>
            <a:lvl7pPr marL="0" indent="0" algn="l">
              <a:lnSpc>
                <a:spcPct val="75000"/>
              </a:lnSpc>
              <a:spcBef>
                <a:spcPts val="0"/>
              </a:spcBef>
              <a:spcAft>
                <a:spcPts val="0"/>
              </a:spcAft>
              <a:buNone/>
              <a:defRPr sz="1852" b="0" cap="all" spc="26" baseline="0">
                <a:solidFill>
                  <a:schemeClr val="tx1"/>
                </a:solidFill>
                <a:latin typeface="+mj-lt"/>
              </a:defRPr>
            </a:lvl7pPr>
            <a:lvl8pPr marL="0" indent="0" algn="l">
              <a:lnSpc>
                <a:spcPct val="75000"/>
              </a:lnSpc>
              <a:spcBef>
                <a:spcPts val="0"/>
              </a:spcBef>
              <a:spcAft>
                <a:spcPts val="0"/>
              </a:spcAft>
              <a:buFont typeface="AdihausDIN" panose="020B0604020202020204" pitchFamily="34" charset="0"/>
              <a:buNone/>
              <a:defRPr sz="1852" b="0" cap="all" spc="26" baseline="0">
                <a:solidFill>
                  <a:schemeClr val="tx1"/>
                </a:solidFill>
                <a:latin typeface="+mj-lt"/>
              </a:defRPr>
            </a:lvl8pPr>
            <a:lvl9pPr marL="0" indent="0" algn="l">
              <a:lnSpc>
                <a:spcPct val="75000"/>
              </a:lnSpc>
              <a:spcBef>
                <a:spcPts val="0"/>
              </a:spcBef>
              <a:spcAft>
                <a:spcPts val="0"/>
              </a:spcAft>
              <a:buNone/>
              <a:defRPr sz="1852" b="0" cap="all" spc="26" baseline="0">
                <a:solidFill>
                  <a:schemeClr val="tx1"/>
                </a:solidFill>
                <a:latin typeface="+mj-lt"/>
              </a:defRPr>
            </a:lvl9pPr>
          </a:lstStyle>
          <a:p>
            <a:pPr lvl="0"/>
            <a:r>
              <a:rPr lang="en-US" noProof="0"/>
              <a:t>Click to edit Master subtitle style</a:t>
            </a:r>
            <a:endParaRPr lang="en-US" noProof="0" dirty="0"/>
          </a:p>
        </p:txBody>
      </p:sp>
      <p:sp>
        <p:nvSpPr>
          <p:cNvPr id="78" name="Text Placeholder 77">
            <a:extLst>
              <a:ext uri="{FF2B5EF4-FFF2-40B4-BE49-F238E27FC236}">
                <a16:creationId xmlns:a16="http://schemas.microsoft.com/office/drawing/2014/main" id="{1100DE97-1C17-4DE5-AF51-6F3963ECEC2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8953676" y="4936795"/>
            <a:ext cx="1714603" cy="398825"/>
          </a:xfrm>
          <a:custGeom>
            <a:avLst/>
            <a:gdLst>
              <a:gd name="connsiteX0" fmla="*/ 962020 w 1295999"/>
              <a:gd name="connsiteY0" fmla="*/ 123589 h 301519"/>
              <a:gd name="connsiteX1" fmla="*/ 899264 w 1295999"/>
              <a:gd name="connsiteY1" fmla="*/ 187067 h 301519"/>
              <a:gd name="connsiteX2" fmla="*/ 962020 w 1295999"/>
              <a:gd name="connsiteY2" fmla="*/ 250545 h 301519"/>
              <a:gd name="connsiteX3" fmla="*/ 1024776 w 1295999"/>
              <a:gd name="connsiteY3" fmla="*/ 187067 h 301519"/>
              <a:gd name="connsiteX4" fmla="*/ 962020 w 1295999"/>
              <a:gd name="connsiteY4" fmla="*/ 123589 h 301519"/>
              <a:gd name="connsiteX5" fmla="*/ 706668 w 1295999"/>
              <a:gd name="connsiteY5" fmla="*/ 123589 h 301519"/>
              <a:gd name="connsiteX6" fmla="*/ 644392 w 1295999"/>
              <a:gd name="connsiteY6" fmla="*/ 187067 h 301519"/>
              <a:gd name="connsiteX7" fmla="*/ 706668 w 1295999"/>
              <a:gd name="connsiteY7" fmla="*/ 250545 h 301519"/>
              <a:gd name="connsiteX8" fmla="*/ 768944 w 1295999"/>
              <a:gd name="connsiteY8" fmla="*/ 187067 h 301519"/>
              <a:gd name="connsiteX9" fmla="*/ 706668 w 1295999"/>
              <a:gd name="connsiteY9" fmla="*/ 123589 h 301519"/>
              <a:gd name="connsiteX10" fmla="*/ 370526 w 1295999"/>
              <a:gd name="connsiteY10" fmla="*/ 123589 h 301519"/>
              <a:gd name="connsiteX11" fmla="*/ 308250 w 1295999"/>
              <a:gd name="connsiteY11" fmla="*/ 187067 h 301519"/>
              <a:gd name="connsiteX12" fmla="*/ 370526 w 1295999"/>
              <a:gd name="connsiteY12" fmla="*/ 250545 h 301519"/>
              <a:gd name="connsiteX13" fmla="*/ 432802 w 1295999"/>
              <a:gd name="connsiteY13" fmla="*/ 187067 h 301519"/>
              <a:gd name="connsiteX14" fmla="*/ 370526 w 1295999"/>
              <a:gd name="connsiteY14" fmla="*/ 123589 h 301519"/>
              <a:gd name="connsiteX15" fmla="*/ 115172 w 1295999"/>
              <a:gd name="connsiteY15" fmla="*/ 123589 h 301519"/>
              <a:gd name="connsiteX16" fmla="*/ 52416 w 1295999"/>
              <a:gd name="connsiteY16" fmla="*/ 187067 h 301519"/>
              <a:gd name="connsiteX17" fmla="*/ 115172 w 1295999"/>
              <a:gd name="connsiteY17" fmla="*/ 250545 h 301519"/>
              <a:gd name="connsiteX18" fmla="*/ 177928 w 1295999"/>
              <a:gd name="connsiteY18" fmla="*/ 187067 h 301519"/>
              <a:gd name="connsiteX19" fmla="*/ 115172 w 1295999"/>
              <a:gd name="connsiteY19" fmla="*/ 123589 h 301519"/>
              <a:gd name="connsiteX20" fmla="*/ 514071 w 1295999"/>
              <a:gd name="connsiteY20" fmla="*/ 75019 h 301519"/>
              <a:gd name="connsiteX21" fmla="*/ 568893 w 1295999"/>
              <a:gd name="connsiteY21" fmla="*/ 75019 h 301519"/>
              <a:gd name="connsiteX22" fmla="*/ 568893 w 1295999"/>
              <a:gd name="connsiteY22" fmla="*/ 296710 h 301519"/>
              <a:gd name="connsiteX23" fmla="*/ 514071 w 1295999"/>
              <a:gd name="connsiteY23" fmla="*/ 296710 h 301519"/>
              <a:gd name="connsiteX24" fmla="*/ 1194227 w 1295999"/>
              <a:gd name="connsiteY24" fmla="*/ 72615 h 301519"/>
              <a:gd name="connsiteX25" fmla="*/ 1287995 w 1295999"/>
              <a:gd name="connsiteY25" fmla="*/ 145448 h 301519"/>
              <a:gd name="connsiteX26" fmla="*/ 1231963 w 1295999"/>
              <a:gd name="connsiteY26" fmla="*/ 145448 h 301519"/>
              <a:gd name="connsiteX27" fmla="*/ 1193083 w 1295999"/>
              <a:gd name="connsiteY27" fmla="*/ 114234 h 301519"/>
              <a:gd name="connsiteX28" fmla="*/ 1158778 w 1295999"/>
              <a:gd name="connsiteY28" fmla="*/ 136200 h 301519"/>
              <a:gd name="connsiteX29" fmla="*/ 1196514 w 1295999"/>
              <a:gd name="connsiteY29" fmla="*/ 158165 h 301519"/>
              <a:gd name="connsiteX30" fmla="*/ 1231963 w 1295999"/>
              <a:gd name="connsiteY30" fmla="*/ 165102 h 301519"/>
              <a:gd name="connsiteX31" fmla="*/ 1295999 w 1295999"/>
              <a:gd name="connsiteY31" fmla="*/ 228686 h 301519"/>
              <a:gd name="connsiteX32" fmla="*/ 1201088 w 1295999"/>
              <a:gd name="connsiteY32" fmla="*/ 301519 h 301519"/>
              <a:gd name="connsiteX33" fmla="*/ 1099315 w 1295999"/>
              <a:gd name="connsiteY33" fmla="*/ 225218 h 301519"/>
              <a:gd name="connsiteX34" fmla="*/ 1154204 w 1295999"/>
              <a:gd name="connsiteY34" fmla="*/ 225218 h 301519"/>
              <a:gd name="connsiteX35" fmla="*/ 1202231 w 1295999"/>
              <a:gd name="connsiteY35" fmla="*/ 259900 h 301519"/>
              <a:gd name="connsiteX36" fmla="*/ 1237680 w 1295999"/>
              <a:gd name="connsiteY36" fmla="*/ 237935 h 301519"/>
              <a:gd name="connsiteX37" fmla="*/ 1207949 w 1295999"/>
              <a:gd name="connsiteY37" fmla="*/ 215969 h 301519"/>
              <a:gd name="connsiteX38" fmla="*/ 1179361 w 1295999"/>
              <a:gd name="connsiteY38" fmla="*/ 210189 h 301519"/>
              <a:gd name="connsiteX39" fmla="*/ 1103889 w 1295999"/>
              <a:gd name="connsiteY39" fmla="*/ 145448 h 301519"/>
              <a:gd name="connsiteX40" fmla="*/ 1194227 w 1295999"/>
              <a:gd name="connsiteY40" fmla="*/ 72615 h 301519"/>
              <a:gd name="connsiteX41" fmla="*/ 959735 w 1295999"/>
              <a:gd name="connsiteY41" fmla="*/ 72615 h 301519"/>
              <a:gd name="connsiteX42" fmla="*/ 1023759 w 1295999"/>
              <a:gd name="connsiteY42" fmla="*/ 93425 h 301519"/>
              <a:gd name="connsiteX43" fmla="*/ 1023759 w 1295999"/>
              <a:gd name="connsiteY43" fmla="*/ 74927 h 301519"/>
              <a:gd name="connsiteX44" fmla="*/ 1078637 w 1295999"/>
              <a:gd name="connsiteY44" fmla="*/ 74927 h 301519"/>
              <a:gd name="connsiteX45" fmla="*/ 1078637 w 1295999"/>
              <a:gd name="connsiteY45" fmla="*/ 296895 h 301519"/>
              <a:gd name="connsiteX46" fmla="*/ 1023759 w 1295999"/>
              <a:gd name="connsiteY46" fmla="*/ 296895 h 301519"/>
              <a:gd name="connsiteX47" fmla="*/ 1023759 w 1295999"/>
              <a:gd name="connsiteY47" fmla="*/ 281866 h 301519"/>
              <a:gd name="connsiteX48" fmla="*/ 959735 w 1295999"/>
              <a:gd name="connsiteY48" fmla="*/ 301519 h 301519"/>
              <a:gd name="connsiteX49" fmla="*/ 845405 w 1295999"/>
              <a:gd name="connsiteY49" fmla="*/ 187067 h 301519"/>
              <a:gd name="connsiteX50" fmla="*/ 959735 w 1295999"/>
              <a:gd name="connsiteY50" fmla="*/ 72615 h 301519"/>
              <a:gd name="connsiteX51" fmla="*/ 113040 w 1295999"/>
              <a:gd name="connsiteY51" fmla="*/ 72615 h 301519"/>
              <a:gd name="connsiteX52" fmla="*/ 178124 w 1295999"/>
              <a:gd name="connsiteY52" fmla="*/ 93425 h 301519"/>
              <a:gd name="connsiteX53" fmla="*/ 178124 w 1295999"/>
              <a:gd name="connsiteY53" fmla="*/ 74927 h 301519"/>
              <a:gd name="connsiteX54" fmla="*/ 231789 w 1295999"/>
              <a:gd name="connsiteY54" fmla="*/ 74927 h 301519"/>
              <a:gd name="connsiteX55" fmla="*/ 231789 w 1295999"/>
              <a:gd name="connsiteY55" fmla="*/ 296895 h 301519"/>
              <a:gd name="connsiteX56" fmla="*/ 178124 w 1295999"/>
              <a:gd name="connsiteY56" fmla="*/ 296895 h 301519"/>
              <a:gd name="connsiteX57" fmla="*/ 178124 w 1295999"/>
              <a:gd name="connsiteY57" fmla="*/ 281866 h 301519"/>
              <a:gd name="connsiteX58" fmla="*/ 113040 w 1295999"/>
              <a:gd name="connsiteY58" fmla="*/ 301519 h 301519"/>
              <a:gd name="connsiteX59" fmla="*/ 0 w 1295999"/>
              <a:gd name="connsiteY59" fmla="*/ 187067 h 301519"/>
              <a:gd name="connsiteX60" fmla="*/ 113040 w 1295999"/>
              <a:gd name="connsiteY60" fmla="*/ 72615 h 301519"/>
              <a:gd name="connsiteX61" fmla="*/ 768887 w 1295999"/>
              <a:gd name="connsiteY61" fmla="*/ 0 h 301519"/>
              <a:gd name="connsiteX62" fmla="*/ 823765 w 1295999"/>
              <a:gd name="connsiteY62" fmla="*/ 0 h 301519"/>
              <a:gd name="connsiteX63" fmla="*/ 823765 w 1295999"/>
              <a:gd name="connsiteY63" fmla="*/ 296898 h 301519"/>
              <a:gd name="connsiteX64" fmla="*/ 768887 w 1295999"/>
              <a:gd name="connsiteY64" fmla="*/ 296898 h 301519"/>
              <a:gd name="connsiteX65" fmla="*/ 768887 w 1295999"/>
              <a:gd name="connsiteY65" fmla="*/ 281880 h 301519"/>
              <a:gd name="connsiteX66" fmla="*/ 703719 w 1295999"/>
              <a:gd name="connsiteY66" fmla="*/ 301519 h 301519"/>
              <a:gd name="connsiteX67" fmla="*/ 590533 w 1295999"/>
              <a:gd name="connsiteY67" fmla="*/ 187150 h 301519"/>
              <a:gd name="connsiteX68" fmla="*/ 703719 w 1295999"/>
              <a:gd name="connsiteY68" fmla="*/ 72781 h 301519"/>
              <a:gd name="connsiteX69" fmla="*/ 768887 w 1295999"/>
              <a:gd name="connsiteY69" fmla="*/ 93575 h 301519"/>
              <a:gd name="connsiteX70" fmla="*/ 768887 w 1295999"/>
              <a:gd name="connsiteY70" fmla="*/ 0 h 301519"/>
              <a:gd name="connsiteX71" fmla="*/ 514071 w 1295999"/>
              <a:gd name="connsiteY71" fmla="*/ 0 h 301519"/>
              <a:gd name="connsiteX72" fmla="*/ 568893 w 1295999"/>
              <a:gd name="connsiteY72" fmla="*/ 0 h 301519"/>
              <a:gd name="connsiteX73" fmla="*/ 568893 w 1295999"/>
              <a:gd name="connsiteY73" fmla="*/ 55303 h 301519"/>
              <a:gd name="connsiteX74" fmla="*/ 514071 w 1295999"/>
              <a:gd name="connsiteY74" fmla="*/ 55303 h 301519"/>
              <a:gd name="connsiteX75" fmla="*/ 432857 w 1295999"/>
              <a:gd name="connsiteY75" fmla="*/ 0 h 301519"/>
              <a:gd name="connsiteX76" fmla="*/ 487622 w 1295999"/>
              <a:gd name="connsiteY76" fmla="*/ 0 h 301519"/>
              <a:gd name="connsiteX77" fmla="*/ 487622 w 1295999"/>
              <a:gd name="connsiteY77" fmla="*/ 296898 h 301519"/>
              <a:gd name="connsiteX78" fmla="*/ 432857 w 1295999"/>
              <a:gd name="connsiteY78" fmla="*/ 296898 h 301519"/>
              <a:gd name="connsiteX79" fmla="*/ 432857 w 1295999"/>
              <a:gd name="connsiteY79" fmla="*/ 281880 h 301519"/>
              <a:gd name="connsiteX80" fmla="*/ 367824 w 1295999"/>
              <a:gd name="connsiteY80" fmla="*/ 301519 h 301519"/>
              <a:gd name="connsiteX81" fmla="*/ 254871 w 1295999"/>
              <a:gd name="connsiteY81" fmla="*/ 187150 h 301519"/>
              <a:gd name="connsiteX82" fmla="*/ 367824 w 1295999"/>
              <a:gd name="connsiteY82" fmla="*/ 72781 h 301519"/>
              <a:gd name="connsiteX83" fmla="*/ 432857 w 1295999"/>
              <a:gd name="connsiteY83" fmla="*/ 93575 h 301519"/>
              <a:gd name="connsiteX84" fmla="*/ 432857 w 1295999"/>
              <a:gd name="connsiteY84" fmla="*/ 0 h 3015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</a:cxnLst>
            <a:rect l="l" t="t" r="r" b="b"/>
            <a:pathLst>
              <a:path w="1295999" h="301519">
                <a:moveTo>
                  <a:pt x="962020" y="123589"/>
                </a:moveTo>
                <a:cubicBezTo>
                  <a:pt x="927361" y="123589"/>
                  <a:pt x="899264" y="152009"/>
                  <a:pt x="899264" y="187067"/>
                </a:cubicBezTo>
                <a:cubicBezTo>
                  <a:pt x="899264" y="222125"/>
                  <a:pt x="927361" y="250545"/>
                  <a:pt x="962020" y="250545"/>
                </a:cubicBezTo>
                <a:cubicBezTo>
                  <a:pt x="996679" y="250545"/>
                  <a:pt x="1024776" y="222125"/>
                  <a:pt x="1024776" y="187067"/>
                </a:cubicBezTo>
                <a:cubicBezTo>
                  <a:pt x="1024776" y="152009"/>
                  <a:pt x="996679" y="123589"/>
                  <a:pt x="962020" y="123589"/>
                </a:cubicBezTo>
                <a:close/>
                <a:moveTo>
                  <a:pt x="706668" y="123589"/>
                </a:moveTo>
                <a:cubicBezTo>
                  <a:pt x="672274" y="123589"/>
                  <a:pt x="644392" y="152009"/>
                  <a:pt x="644392" y="187067"/>
                </a:cubicBezTo>
                <a:cubicBezTo>
                  <a:pt x="644392" y="222125"/>
                  <a:pt x="672274" y="250545"/>
                  <a:pt x="706668" y="250545"/>
                </a:cubicBezTo>
                <a:cubicBezTo>
                  <a:pt x="741062" y="250545"/>
                  <a:pt x="768944" y="222125"/>
                  <a:pt x="768944" y="187067"/>
                </a:cubicBezTo>
                <a:cubicBezTo>
                  <a:pt x="768944" y="152009"/>
                  <a:pt x="741062" y="123589"/>
                  <a:pt x="706668" y="123589"/>
                </a:cubicBezTo>
                <a:close/>
                <a:moveTo>
                  <a:pt x="370526" y="123589"/>
                </a:moveTo>
                <a:cubicBezTo>
                  <a:pt x="336132" y="123589"/>
                  <a:pt x="308250" y="152009"/>
                  <a:pt x="308250" y="187067"/>
                </a:cubicBezTo>
                <a:cubicBezTo>
                  <a:pt x="308250" y="222125"/>
                  <a:pt x="336132" y="250545"/>
                  <a:pt x="370526" y="250545"/>
                </a:cubicBezTo>
                <a:cubicBezTo>
                  <a:pt x="404920" y="250545"/>
                  <a:pt x="432802" y="222125"/>
                  <a:pt x="432802" y="187067"/>
                </a:cubicBezTo>
                <a:cubicBezTo>
                  <a:pt x="432802" y="152009"/>
                  <a:pt x="404920" y="123589"/>
                  <a:pt x="370526" y="123589"/>
                </a:cubicBezTo>
                <a:close/>
                <a:moveTo>
                  <a:pt x="115172" y="123589"/>
                </a:moveTo>
                <a:cubicBezTo>
                  <a:pt x="80513" y="123589"/>
                  <a:pt x="52416" y="152009"/>
                  <a:pt x="52416" y="187067"/>
                </a:cubicBezTo>
                <a:cubicBezTo>
                  <a:pt x="52416" y="222125"/>
                  <a:pt x="80513" y="250545"/>
                  <a:pt x="115172" y="250545"/>
                </a:cubicBezTo>
                <a:cubicBezTo>
                  <a:pt x="149831" y="250545"/>
                  <a:pt x="177928" y="222125"/>
                  <a:pt x="177928" y="187067"/>
                </a:cubicBezTo>
                <a:cubicBezTo>
                  <a:pt x="177928" y="152009"/>
                  <a:pt x="149831" y="123589"/>
                  <a:pt x="115172" y="123589"/>
                </a:cubicBezTo>
                <a:close/>
                <a:moveTo>
                  <a:pt x="514071" y="75019"/>
                </a:moveTo>
                <a:lnTo>
                  <a:pt x="568893" y="75019"/>
                </a:lnTo>
                <a:lnTo>
                  <a:pt x="568893" y="296710"/>
                </a:lnTo>
                <a:lnTo>
                  <a:pt x="514071" y="296710"/>
                </a:lnTo>
                <a:close/>
                <a:moveTo>
                  <a:pt x="1194227" y="72615"/>
                </a:moveTo>
                <a:cubicBezTo>
                  <a:pt x="1250259" y="72615"/>
                  <a:pt x="1284564" y="101517"/>
                  <a:pt x="1287995" y="145448"/>
                </a:cubicBezTo>
                <a:cubicBezTo>
                  <a:pt x="1287995" y="145448"/>
                  <a:pt x="1287995" y="145448"/>
                  <a:pt x="1231963" y="145448"/>
                </a:cubicBezTo>
                <a:cubicBezTo>
                  <a:pt x="1231963" y="128107"/>
                  <a:pt x="1220527" y="114234"/>
                  <a:pt x="1193083" y="114234"/>
                </a:cubicBezTo>
                <a:cubicBezTo>
                  <a:pt x="1173644" y="114234"/>
                  <a:pt x="1158778" y="121171"/>
                  <a:pt x="1158778" y="136200"/>
                </a:cubicBezTo>
                <a:cubicBezTo>
                  <a:pt x="1158778" y="148916"/>
                  <a:pt x="1174787" y="153541"/>
                  <a:pt x="1196514" y="158165"/>
                </a:cubicBezTo>
                <a:cubicBezTo>
                  <a:pt x="1196514" y="158165"/>
                  <a:pt x="1196514" y="158165"/>
                  <a:pt x="1231963" y="165102"/>
                </a:cubicBezTo>
                <a:cubicBezTo>
                  <a:pt x="1276560" y="173194"/>
                  <a:pt x="1295999" y="194004"/>
                  <a:pt x="1295999" y="228686"/>
                </a:cubicBezTo>
                <a:cubicBezTo>
                  <a:pt x="1295999" y="278398"/>
                  <a:pt x="1253689" y="301519"/>
                  <a:pt x="1201088" y="301519"/>
                </a:cubicBezTo>
                <a:cubicBezTo>
                  <a:pt x="1138195" y="301519"/>
                  <a:pt x="1100459" y="270305"/>
                  <a:pt x="1099315" y="225218"/>
                </a:cubicBezTo>
                <a:cubicBezTo>
                  <a:pt x="1099315" y="225218"/>
                  <a:pt x="1099315" y="225218"/>
                  <a:pt x="1154204" y="225218"/>
                </a:cubicBezTo>
                <a:cubicBezTo>
                  <a:pt x="1155347" y="241403"/>
                  <a:pt x="1166782" y="259900"/>
                  <a:pt x="1202231" y="259900"/>
                </a:cubicBezTo>
                <a:cubicBezTo>
                  <a:pt x="1227389" y="259900"/>
                  <a:pt x="1237680" y="248339"/>
                  <a:pt x="1237680" y="237935"/>
                </a:cubicBezTo>
                <a:cubicBezTo>
                  <a:pt x="1237680" y="226374"/>
                  <a:pt x="1228532" y="219437"/>
                  <a:pt x="1207949" y="215969"/>
                </a:cubicBezTo>
                <a:cubicBezTo>
                  <a:pt x="1207949" y="215969"/>
                  <a:pt x="1207949" y="215969"/>
                  <a:pt x="1179361" y="210189"/>
                </a:cubicBezTo>
                <a:cubicBezTo>
                  <a:pt x="1143912" y="204408"/>
                  <a:pt x="1103889" y="196316"/>
                  <a:pt x="1103889" y="145448"/>
                </a:cubicBezTo>
                <a:cubicBezTo>
                  <a:pt x="1103889" y="103829"/>
                  <a:pt x="1137051" y="72615"/>
                  <a:pt x="1194227" y="72615"/>
                </a:cubicBezTo>
                <a:close/>
                <a:moveTo>
                  <a:pt x="959735" y="72615"/>
                </a:moveTo>
                <a:cubicBezTo>
                  <a:pt x="983744" y="72615"/>
                  <a:pt x="1005466" y="79552"/>
                  <a:pt x="1023759" y="93425"/>
                </a:cubicBezTo>
                <a:cubicBezTo>
                  <a:pt x="1023759" y="93425"/>
                  <a:pt x="1023759" y="93425"/>
                  <a:pt x="1023759" y="74927"/>
                </a:cubicBezTo>
                <a:cubicBezTo>
                  <a:pt x="1023759" y="74927"/>
                  <a:pt x="1023759" y="74927"/>
                  <a:pt x="1078637" y="74927"/>
                </a:cubicBezTo>
                <a:cubicBezTo>
                  <a:pt x="1078637" y="74927"/>
                  <a:pt x="1078637" y="74927"/>
                  <a:pt x="1078637" y="296895"/>
                </a:cubicBezTo>
                <a:cubicBezTo>
                  <a:pt x="1078637" y="296895"/>
                  <a:pt x="1078637" y="296895"/>
                  <a:pt x="1023759" y="296895"/>
                </a:cubicBezTo>
                <a:cubicBezTo>
                  <a:pt x="1023759" y="296895"/>
                  <a:pt x="1023759" y="296895"/>
                  <a:pt x="1023759" y="281866"/>
                </a:cubicBezTo>
                <a:cubicBezTo>
                  <a:pt x="1005466" y="294583"/>
                  <a:pt x="983744" y="301519"/>
                  <a:pt x="959735" y="301519"/>
                </a:cubicBezTo>
                <a:cubicBezTo>
                  <a:pt x="896853" y="301519"/>
                  <a:pt x="845405" y="250652"/>
                  <a:pt x="845405" y="187067"/>
                </a:cubicBezTo>
                <a:cubicBezTo>
                  <a:pt x="845405" y="123483"/>
                  <a:pt x="896853" y="72615"/>
                  <a:pt x="959735" y="72615"/>
                </a:cubicBezTo>
                <a:close/>
                <a:moveTo>
                  <a:pt x="113040" y="72615"/>
                </a:moveTo>
                <a:cubicBezTo>
                  <a:pt x="137018" y="72615"/>
                  <a:pt x="159855" y="79552"/>
                  <a:pt x="178124" y="93425"/>
                </a:cubicBezTo>
                <a:cubicBezTo>
                  <a:pt x="178124" y="93425"/>
                  <a:pt x="178124" y="93425"/>
                  <a:pt x="178124" y="74927"/>
                </a:cubicBezTo>
                <a:cubicBezTo>
                  <a:pt x="178124" y="74927"/>
                  <a:pt x="178124" y="74927"/>
                  <a:pt x="231789" y="74927"/>
                </a:cubicBezTo>
                <a:cubicBezTo>
                  <a:pt x="231789" y="74927"/>
                  <a:pt x="231789" y="74927"/>
                  <a:pt x="231789" y="296895"/>
                </a:cubicBezTo>
                <a:cubicBezTo>
                  <a:pt x="231789" y="296895"/>
                  <a:pt x="231789" y="296895"/>
                  <a:pt x="178124" y="296895"/>
                </a:cubicBezTo>
                <a:cubicBezTo>
                  <a:pt x="178124" y="296895"/>
                  <a:pt x="178124" y="296895"/>
                  <a:pt x="178124" y="281866"/>
                </a:cubicBezTo>
                <a:cubicBezTo>
                  <a:pt x="159855" y="294583"/>
                  <a:pt x="137018" y="301519"/>
                  <a:pt x="113040" y="301519"/>
                </a:cubicBezTo>
                <a:cubicBezTo>
                  <a:pt x="50240" y="301519"/>
                  <a:pt x="0" y="250652"/>
                  <a:pt x="0" y="187067"/>
                </a:cubicBezTo>
                <a:cubicBezTo>
                  <a:pt x="0" y="123483"/>
                  <a:pt x="50240" y="72615"/>
                  <a:pt x="113040" y="72615"/>
                </a:cubicBezTo>
                <a:close/>
                <a:moveTo>
                  <a:pt x="768887" y="0"/>
                </a:moveTo>
                <a:cubicBezTo>
                  <a:pt x="768887" y="0"/>
                  <a:pt x="768887" y="0"/>
                  <a:pt x="823765" y="0"/>
                </a:cubicBezTo>
                <a:cubicBezTo>
                  <a:pt x="823765" y="0"/>
                  <a:pt x="823765" y="0"/>
                  <a:pt x="823765" y="296898"/>
                </a:cubicBezTo>
                <a:cubicBezTo>
                  <a:pt x="823765" y="296898"/>
                  <a:pt x="823765" y="296898"/>
                  <a:pt x="768887" y="296898"/>
                </a:cubicBezTo>
                <a:cubicBezTo>
                  <a:pt x="768887" y="296898"/>
                  <a:pt x="768887" y="296898"/>
                  <a:pt x="768887" y="281880"/>
                </a:cubicBezTo>
                <a:cubicBezTo>
                  <a:pt x="750594" y="294588"/>
                  <a:pt x="727729" y="301519"/>
                  <a:pt x="703719" y="301519"/>
                </a:cubicBezTo>
                <a:cubicBezTo>
                  <a:pt x="641981" y="301519"/>
                  <a:pt x="590533" y="250688"/>
                  <a:pt x="590533" y="187150"/>
                </a:cubicBezTo>
                <a:cubicBezTo>
                  <a:pt x="590533" y="123611"/>
                  <a:pt x="641981" y="72781"/>
                  <a:pt x="703719" y="72781"/>
                </a:cubicBezTo>
                <a:cubicBezTo>
                  <a:pt x="727729" y="72781"/>
                  <a:pt x="750594" y="79712"/>
                  <a:pt x="768887" y="93575"/>
                </a:cubicBezTo>
                <a:cubicBezTo>
                  <a:pt x="768887" y="93575"/>
                  <a:pt x="768887" y="93575"/>
                  <a:pt x="768887" y="0"/>
                </a:cubicBezTo>
                <a:close/>
                <a:moveTo>
                  <a:pt x="514071" y="0"/>
                </a:moveTo>
                <a:lnTo>
                  <a:pt x="568893" y="0"/>
                </a:lnTo>
                <a:lnTo>
                  <a:pt x="568893" y="55303"/>
                </a:lnTo>
                <a:lnTo>
                  <a:pt x="514071" y="55303"/>
                </a:lnTo>
                <a:close/>
                <a:moveTo>
                  <a:pt x="432857" y="0"/>
                </a:moveTo>
                <a:cubicBezTo>
                  <a:pt x="432857" y="0"/>
                  <a:pt x="432857" y="0"/>
                  <a:pt x="487622" y="0"/>
                </a:cubicBezTo>
                <a:cubicBezTo>
                  <a:pt x="487622" y="0"/>
                  <a:pt x="487622" y="0"/>
                  <a:pt x="487622" y="296898"/>
                </a:cubicBezTo>
                <a:cubicBezTo>
                  <a:pt x="487622" y="296898"/>
                  <a:pt x="487622" y="296898"/>
                  <a:pt x="432857" y="296898"/>
                </a:cubicBezTo>
                <a:cubicBezTo>
                  <a:pt x="432857" y="296898"/>
                  <a:pt x="432857" y="296898"/>
                  <a:pt x="432857" y="281880"/>
                </a:cubicBezTo>
                <a:cubicBezTo>
                  <a:pt x="414602" y="294588"/>
                  <a:pt x="391784" y="301519"/>
                  <a:pt x="367824" y="301519"/>
                </a:cubicBezTo>
                <a:cubicBezTo>
                  <a:pt x="305072" y="301519"/>
                  <a:pt x="254871" y="250688"/>
                  <a:pt x="254871" y="187150"/>
                </a:cubicBezTo>
                <a:cubicBezTo>
                  <a:pt x="254871" y="123611"/>
                  <a:pt x="305072" y="72781"/>
                  <a:pt x="367824" y="72781"/>
                </a:cubicBezTo>
                <a:cubicBezTo>
                  <a:pt x="391784" y="72781"/>
                  <a:pt x="414602" y="79712"/>
                  <a:pt x="432857" y="93575"/>
                </a:cubicBezTo>
                <a:cubicBezTo>
                  <a:pt x="432857" y="93575"/>
                  <a:pt x="432857" y="93575"/>
                  <a:pt x="432857" y="0"/>
                </a:cubicBezTo>
                <a:close/>
              </a:path>
            </a:pathLst>
          </a:custGeom>
          <a:solidFill>
            <a:schemeClr val="tx1"/>
          </a:solidFill>
        </p:spPr>
        <p:txBody>
          <a:bodyPr wrap="square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61" b="0" cap="none" baseline="0">
                <a:solidFill>
                  <a:schemeClr val="tx1">
                    <a:alpha val="0"/>
                  </a:schemeClr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61" b="0" cap="none" baseline="0">
                <a:solidFill>
                  <a:schemeClr val="tx1">
                    <a:alpha val="0"/>
                  </a:schemeClr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61" b="0" cap="none" baseline="0">
                <a:solidFill>
                  <a:schemeClr val="tx1">
                    <a:alpha val="0"/>
                  </a:schemeClr>
                </a:solidFill>
                <a:latin typeface="+mn-lt"/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61" b="0" cap="none" baseline="0">
                <a:solidFill>
                  <a:schemeClr val="tx1">
                    <a:alpha val="0"/>
                  </a:schemeClr>
                </a:solidFill>
                <a:latin typeface="+mn-lt"/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61" b="0" cap="none" baseline="0">
                <a:solidFill>
                  <a:schemeClr val="tx1">
                    <a:alpha val="0"/>
                  </a:schemeClr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61" b="0" cap="none" baseline="0">
                <a:solidFill>
                  <a:schemeClr val="tx1">
                    <a:alpha val="0"/>
                  </a:schemeClr>
                </a:solidFill>
                <a:latin typeface="+mn-lt"/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61" b="0" cap="none" baseline="0">
                <a:solidFill>
                  <a:schemeClr val="tx1">
                    <a:alpha val="0"/>
                  </a:schemeClr>
                </a:solidFill>
                <a:latin typeface="+mn-lt"/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61" b="0" cap="none" baseline="0">
                <a:solidFill>
                  <a:schemeClr val="tx1">
                    <a:alpha val="0"/>
                  </a:schemeClr>
                </a:solidFill>
                <a:latin typeface="+mn-lt"/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661" b="0" cap="none" baseline="0">
                <a:solidFill>
                  <a:schemeClr val="tx1">
                    <a:alpha val="0"/>
                  </a:schemeClr>
                </a:solidFill>
                <a:latin typeface="+mn-lt"/>
              </a:defRPr>
            </a:lvl9pPr>
          </a:lstStyle>
          <a:p>
            <a:pPr lvl="0"/>
            <a:r>
              <a:rPr lang="en-US" dirty="0"/>
              <a:t> </a:t>
            </a:r>
          </a:p>
        </p:txBody>
      </p:sp>
      <p:sp>
        <p:nvSpPr>
          <p:cNvPr id="6" name="Date Placeholder 1">
            <a:extLst>
              <a:ext uri="{FF2B5EF4-FFF2-40B4-BE49-F238E27FC236}">
                <a16:creationId xmlns:a16="http://schemas.microsoft.com/office/drawing/2014/main" id="{A5D65B07-3C6F-4EEF-A24C-C449B3D9143D}"/>
              </a:ext>
            </a:extLst>
          </p:cNvPr>
          <p:cNvSpPr>
            <a:spLocks noGrp="1"/>
          </p:cNvSpPr>
          <p:nvPr>
            <p:ph type="dt" sz="half" idx="19"/>
          </p:nvPr>
        </p:nvSpPr>
        <p:spPr bwMode="gray">
          <a:xfrm>
            <a:off x="10667212" y="6953115"/>
            <a:ext cx="763799" cy="95306"/>
          </a:xfrm>
        </p:spPr>
        <p:txBody>
          <a:bodyPr/>
          <a:lstStyle>
            <a:lvl1pPr>
              <a:defRPr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pPr>
              <a:defRPr/>
            </a:pPr>
            <a:fld id="{E2F4D754-A9F1-41F2-9E4E-A0334A4EAF66}" type="datetime5">
              <a:rPr lang="en-US"/>
              <a:t>19-Sep-23</a:t>
            </a:fld>
            <a:endParaRPr lang="en-US" dirty="0"/>
          </a:p>
        </p:txBody>
      </p:sp>
      <p:sp>
        <p:nvSpPr>
          <p:cNvPr id="8" name="Footer Placeholder 3">
            <a:extLst>
              <a:ext uri="{FF2B5EF4-FFF2-40B4-BE49-F238E27FC236}">
                <a16:creationId xmlns:a16="http://schemas.microsoft.com/office/drawing/2014/main" id="{4F15A7FD-4BA3-45FC-AC1B-588D7205BBC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 bwMode="gray">
          <a:xfrm>
            <a:off x="1142717" y="6953115"/>
            <a:ext cx="3048187" cy="95306"/>
          </a:xfrm>
        </p:spPr>
        <p:txBody>
          <a:bodyPr/>
          <a:lstStyle>
            <a:lvl1pPr>
              <a:defRPr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pPr>
              <a:defRPr/>
            </a:pPr>
            <a:r>
              <a:rPr lang="en-US"/>
              <a:t>2021 ADIDAS AG</a:t>
            </a:r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37F6B9F-CE5A-436D-AFAC-FD397B0A9B63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 bwMode="gray">
          <a:xfrm>
            <a:off x="11429607" y="6952918"/>
            <a:ext cx="381742" cy="95574"/>
          </a:xfrm>
        </p:spPr>
        <p:txBody>
          <a:bodyPr/>
          <a:lstStyle>
            <a:lvl1pPr>
              <a:defRPr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pPr>
              <a:defRPr/>
            </a:pPr>
            <a:fld id="{66C8B3C2-955F-42B1-8DED-EE47D723596C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1124302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Diapositive de titre avec images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 7"/>
          <p:cNvSpPr/>
          <p:nvPr userDrawn="1"/>
        </p:nvSpPr>
        <p:spPr>
          <a:xfrm>
            <a:off x="0" y="4800600"/>
            <a:ext cx="12192000" cy="2057400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fr-FR" noProof="0" dirty="0"/>
          </a:p>
        </p:txBody>
      </p:sp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533400" y="5084483"/>
            <a:ext cx="11125200" cy="914400"/>
          </a:xfrm>
        </p:spPr>
        <p:txBody>
          <a:bodyPr rtlCol="0" anchor="b">
            <a:normAutofit/>
          </a:bodyPr>
          <a:lstStyle>
            <a:lvl1pPr algn="ctr">
              <a:defRPr sz="4400" spc="-50"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fr-FR" noProof="0"/>
              <a:t>Modifiez le style du titre</a:t>
            </a:r>
            <a:endParaRPr lang="fr-FR" noProof="0" dirty="0"/>
          </a:p>
        </p:txBody>
      </p:sp>
      <p:sp>
        <p:nvSpPr>
          <p:cNvPr id="9" name="Espace réservé d’image 2" descr="Espace réservé vide pour ajouter une image. Cliquez sur l’espace réservé et sélectionnez l’image à ajouter"/>
          <p:cNvSpPr>
            <a:spLocks noGrp="1"/>
          </p:cNvSpPr>
          <p:nvPr>
            <p:ph type="pic" idx="10"/>
          </p:nvPr>
        </p:nvSpPr>
        <p:spPr>
          <a:xfrm>
            <a:off x="1" y="1"/>
            <a:ext cx="4023360" cy="4745736"/>
          </a:xfrm>
        </p:spPr>
        <p:txBody>
          <a:bodyPr tIns="457200" rtlCol="0">
            <a:normAutofit/>
          </a:bodyPr>
          <a:lstStyle>
            <a:lvl1pPr marL="0" indent="0" algn="ctr">
              <a:buNone/>
              <a:defRPr sz="2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rtl="0"/>
            <a:r>
              <a:rPr lang="fr-FR" noProof="0"/>
              <a:t>Cliquez sur l'icône pour ajouter une image</a:t>
            </a:r>
            <a:endParaRPr lang="fr-FR" noProof="0" dirty="0"/>
          </a:p>
        </p:txBody>
      </p:sp>
      <p:sp>
        <p:nvSpPr>
          <p:cNvPr id="13" name="Espace réservé d’image 2" descr="Espace réservé vide pour ajouter une image. Cliquez sur l’espace réservé et sélectionnez l’image à ajouter"/>
          <p:cNvSpPr>
            <a:spLocks noGrp="1"/>
          </p:cNvSpPr>
          <p:nvPr>
            <p:ph type="pic" idx="11"/>
          </p:nvPr>
        </p:nvSpPr>
        <p:spPr>
          <a:xfrm>
            <a:off x="4084320" y="1"/>
            <a:ext cx="4023360" cy="4745736"/>
          </a:xfrm>
        </p:spPr>
        <p:txBody>
          <a:bodyPr tIns="457200" rtlCol="0">
            <a:normAutofit/>
          </a:bodyPr>
          <a:lstStyle>
            <a:lvl1pPr marL="0" indent="0" algn="ctr">
              <a:buNone/>
              <a:defRPr sz="2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rtl="0"/>
            <a:r>
              <a:rPr lang="fr-FR" noProof="0"/>
              <a:t>Cliquez sur l'icône pour ajouter une image</a:t>
            </a:r>
            <a:endParaRPr lang="fr-FR" noProof="0" dirty="0"/>
          </a:p>
        </p:txBody>
      </p:sp>
      <p:sp>
        <p:nvSpPr>
          <p:cNvPr id="14" name="Espace réservé d’image 2" descr="Espace réservé vide pour ajouter une image. Cliquez sur l’espace réservé et sélectionnez l’image à ajouter"/>
          <p:cNvSpPr>
            <a:spLocks noGrp="1"/>
          </p:cNvSpPr>
          <p:nvPr>
            <p:ph type="pic" idx="12"/>
          </p:nvPr>
        </p:nvSpPr>
        <p:spPr>
          <a:xfrm>
            <a:off x="8168640" y="1"/>
            <a:ext cx="4023360" cy="4745736"/>
          </a:xfrm>
        </p:spPr>
        <p:txBody>
          <a:bodyPr tIns="457200" rtlCol="0">
            <a:normAutofit/>
          </a:bodyPr>
          <a:lstStyle>
            <a:lvl1pPr marL="0" indent="0" algn="ctr">
              <a:buNone/>
              <a:defRPr sz="2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rtl="0"/>
            <a:r>
              <a:rPr lang="fr-FR" noProof="0"/>
              <a:t>Cliquez sur l'icône pour ajouter une image</a:t>
            </a:r>
            <a:endParaRPr lang="fr-FR" noProof="0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533400" y="6043123"/>
            <a:ext cx="11125200" cy="571500"/>
          </a:xfrm>
        </p:spPr>
        <p:txBody>
          <a:bodyPr rtlCol="0">
            <a:normAutofit/>
          </a:bodyPr>
          <a:lstStyle>
            <a:lvl1pPr marL="0" indent="0" algn="ctr">
              <a:spcBef>
                <a:spcPts val="0"/>
              </a:spcBef>
              <a:buNone/>
              <a:defRPr sz="2000" cap="all" spc="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fr-FR" noProof="0"/>
              <a:t>Modifiez le style des sous-titres du masque</a:t>
            </a:r>
            <a:endParaRPr lang="fr-FR" noProof="0" dirty="0"/>
          </a:p>
        </p:txBody>
      </p:sp>
    </p:spTree>
    <p:extLst>
      <p:ext uri="{BB962C8B-B14F-4D97-AF65-F5344CB8AC3E}">
        <p14:creationId xmlns:p14="http://schemas.microsoft.com/office/powerpoint/2010/main" val="25741960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 7"/>
          <p:cNvSpPr/>
          <p:nvPr userDrawn="1"/>
        </p:nvSpPr>
        <p:spPr>
          <a:xfrm>
            <a:off x="8153400" y="0"/>
            <a:ext cx="4038600" cy="6858000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fr-FR" noProof="0" dirty="0"/>
          </a:p>
        </p:txBody>
      </p:sp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532813" y="1683327"/>
            <a:ext cx="3125787" cy="2877260"/>
          </a:xfrm>
        </p:spPr>
        <p:txBody>
          <a:bodyPr rtlCol="0" anchor="b">
            <a:normAutofit/>
          </a:bodyPr>
          <a:lstStyle>
            <a:lvl1pPr>
              <a:defRPr sz="3000">
                <a:solidFill>
                  <a:schemeClr val="bg1"/>
                </a:solidFill>
              </a:defRPr>
            </a:lvl1pPr>
          </a:lstStyle>
          <a:p>
            <a:pPr rtl="0"/>
            <a:r>
              <a:rPr lang="fr-FR" noProof="0"/>
              <a:t>Modifiez le style du titre</a:t>
            </a:r>
            <a:endParaRPr lang="fr-FR" noProof="0" dirty="0"/>
          </a:p>
        </p:txBody>
      </p:sp>
      <p:sp>
        <p:nvSpPr>
          <p:cNvPr id="6" name="Espace réservé d’image 2" descr="Espace réservé vide pour ajouter une image. Cliquez sur l’espace réservé et sélectionnez l’image à ajouter"/>
          <p:cNvSpPr>
            <a:spLocks noGrp="1"/>
          </p:cNvSpPr>
          <p:nvPr>
            <p:ph type="pic" idx="1"/>
          </p:nvPr>
        </p:nvSpPr>
        <p:spPr>
          <a:xfrm>
            <a:off x="0" y="0"/>
            <a:ext cx="8101584" cy="6857999"/>
          </a:xfrm>
        </p:spPr>
        <p:txBody>
          <a:bodyPr tIns="457200" rtlCol="0">
            <a:normAutofit/>
          </a:bodyPr>
          <a:lstStyle>
            <a:lvl1pPr marL="0" indent="0" algn="ctr">
              <a:buNone/>
              <a:defRPr sz="2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rtl="0"/>
            <a:r>
              <a:rPr lang="fr-FR" noProof="0"/>
              <a:t>Cliquez sur l'icône pour ajouter une image</a:t>
            </a:r>
            <a:endParaRPr lang="fr-FR" noProof="0" dirty="0"/>
          </a:p>
        </p:txBody>
      </p:sp>
      <p:sp>
        <p:nvSpPr>
          <p:cNvPr id="4" name="Espace réservé du texte 3"/>
          <p:cNvSpPr>
            <a:spLocks noGrp="1"/>
          </p:cNvSpPr>
          <p:nvPr>
            <p:ph type="body" sz="half" idx="2"/>
          </p:nvPr>
        </p:nvSpPr>
        <p:spPr>
          <a:xfrm>
            <a:off x="8532813" y="4591761"/>
            <a:ext cx="3125787" cy="1580440"/>
          </a:xfrm>
        </p:spPr>
        <p:txBody>
          <a:bodyPr rtlCol="0"/>
          <a:lstStyle>
            <a:lvl1pPr marL="0" indent="0">
              <a:spcBef>
                <a:spcPts val="8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 rtl="0"/>
            <a:r>
              <a:rPr lang="fr-FR" noProof="0"/>
              <a:t>Cliquez pour modifier les styles du texte du masque</a:t>
            </a:r>
          </a:p>
        </p:txBody>
      </p:sp>
    </p:spTree>
    <p:extLst>
      <p:ext uri="{BB962C8B-B14F-4D97-AF65-F5344CB8AC3E}">
        <p14:creationId xmlns:p14="http://schemas.microsoft.com/office/powerpoint/2010/main" val="358555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01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Rectangle 35"/>
          <p:cNvSpPr/>
          <p:nvPr userDrawn="1"/>
        </p:nvSpPr>
        <p:spPr bwMode="gray">
          <a:xfrm>
            <a:off x="0" y="0"/>
            <a:ext cx="12192000" cy="6858000"/>
          </a:xfrm>
          <a:prstGeom prst="rect">
            <a:avLst/>
          </a:prstGeom>
          <a:ln w="12700" cap="sq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pic>
        <p:nvPicPr>
          <p:cNvPr id="13" name="Picture 2" descr="OBC_Logo_Performance_BWp.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11136000" y="2901000"/>
            <a:ext cx="1056000" cy="105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14926" y="2660653"/>
            <a:ext cx="9792700" cy="1536699"/>
          </a:xfrm>
        </p:spPr>
        <p:txBody>
          <a:bodyPr anchor="ctr" anchorCtr="0"/>
          <a:lstStyle>
            <a:lvl1pPr algn="r">
              <a:defRPr sz="5600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to edit </a:t>
            </a:r>
            <a:br>
              <a:rPr lang="x-none" dirty="0"/>
            </a:br>
            <a:r>
              <a:rPr lang="x-none" dirty="0"/>
              <a:t>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814926" y="4197351"/>
            <a:ext cx="9792700" cy="383116"/>
          </a:xfrm>
        </p:spPr>
        <p:txBody>
          <a:bodyPr anchor="t" anchorCtr="0"/>
          <a:lstStyle>
            <a:lvl1pPr marL="0" indent="0" algn="r">
              <a:buNone/>
              <a:defRPr sz="2400">
                <a:solidFill>
                  <a:schemeClr val="bg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x-none" dirty="0"/>
              <a:t> Click to edit Master subtitle style</a:t>
            </a:r>
          </a:p>
        </p:txBody>
      </p:sp>
      <p:sp>
        <p:nvSpPr>
          <p:cNvPr id="50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814926" y="6117183"/>
            <a:ext cx="9792700" cy="336551"/>
          </a:xfrm>
        </p:spPr>
        <p:txBody>
          <a:bodyPr tIns="36000" anchor="t" anchorCtr="0"/>
          <a:lstStyle>
            <a:lvl1pPr algn="r"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marL="0" indent="0" algn="ctr">
              <a:spcBef>
                <a:spcPts val="0"/>
              </a:spcBef>
              <a:buNone/>
              <a:defRPr sz="1067">
                <a:solidFill>
                  <a:schemeClr val="bg1"/>
                </a:solidFill>
              </a:defRPr>
            </a:lvl2pPr>
            <a:lvl3pPr marL="0" indent="0" algn="ctr">
              <a:spcBef>
                <a:spcPts val="0"/>
              </a:spcBef>
              <a:buNone/>
              <a:defRPr sz="1067">
                <a:solidFill>
                  <a:schemeClr val="bg1"/>
                </a:solidFill>
              </a:defRPr>
            </a:lvl3pPr>
            <a:lvl4pPr marL="0" indent="0" algn="ctr">
              <a:spcBef>
                <a:spcPts val="0"/>
              </a:spcBef>
              <a:buFont typeface="Arial" pitchFamily="34" charset="0"/>
              <a:buNone/>
              <a:defRPr sz="1067">
                <a:solidFill>
                  <a:schemeClr val="bg1"/>
                </a:solidFill>
              </a:defRPr>
            </a:lvl4pPr>
            <a:lvl5pPr marL="0" indent="0" algn="ctr">
              <a:spcBef>
                <a:spcPts val="0"/>
              </a:spcBef>
              <a:buFont typeface="Arial" pitchFamily="34" charset="0"/>
              <a:buNone/>
              <a:defRPr sz="1067">
                <a:solidFill>
                  <a:schemeClr val="bg1"/>
                </a:solidFill>
              </a:defRPr>
            </a:lvl5pPr>
            <a:lvl6pPr>
              <a:spcBef>
                <a:spcPts val="0"/>
              </a:spcBef>
              <a:defRPr sz="1067">
                <a:solidFill>
                  <a:schemeClr val="bg1"/>
                </a:solidFill>
              </a:defRPr>
            </a:lvl6pPr>
            <a:lvl7pPr>
              <a:spcBef>
                <a:spcPts val="0"/>
              </a:spcBef>
              <a:defRPr sz="1067">
                <a:solidFill>
                  <a:schemeClr val="bg1"/>
                </a:solidFill>
              </a:defRPr>
            </a:lvl7pPr>
            <a:lvl8pPr>
              <a:spcBef>
                <a:spcPts val="0"/>
              </a:spcBef>
              <a:defRPr sz="1067">
                <a:solidFill>
                  <a:schemeClr val="bg1"/>
                </a:solidFill>
              </a:defRPr>
            </a:lvl8pPr>
            <a:lvl9pPr>
              <a:spcBef>
                <a:spcPts val="0"/>
              </a:spcBef>
              <a:defRPr sz="1067">
                <a:solidFill>
                  <a:schemeClr val="bg1"/>
                </a:solidFill>
              </a:defRPr>
            </a:lvl9pPr>
          </a:lstStyle>
          <a:p>
            <a:pPr lvl="0"/>
            <a:r>
              <a:rPr lang="x-none" dirty="0"/>
              <a:t> Click to edit Master text styles</a:t>
            </a:r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3"/>
          </p:nvPr>
        </p:nvSpPr>
        <p:spPr bwMode="gray">
          <a:xfrm>
            <a:off x="0" y="0"/>
            <a:ext cx="12192000" cy="6858000"/>
          </a:xfrm>
          <a:custGeom>
            <a:avLst/>
            <a:gdLst/>
            <a:ahLst/>
            <a:cxnLst/>
            <a:rect l="l" t="t" r="r" b="b"/>
            <a:pathLst>
              <a:path w="9144000" h="5143500">
                <a:moveTo>
                  <a:pt x="0" y="0"/>
                </a:moveTo>
                <a:lnTo>
                  <a:pt x="9144000" y="0"/>
                </a:lnTo>
                <a:lnTo>
                  <a:pt x="9144000" y="2175750"/>
                </a:lnTo>
                <a:lnTo>
                  <a:pt x="8352000" y="2175750"/>
                </a:lnTo>
                <a:lnTo>
                  <a:pt x="8352000" y="2967750"/>
                </a:lnTo>
                <a:lnTo>
                  <a:pt x="9144000" y="2967750"/>
                </a:lnTo>
                <a:lnTo>
                  <a:pt x="9144000" y="5143500"/>
                </a:lnTo>
                <a:lnTo>
                  <a:pt x="0" y="5143500"/>
                </a:lnTo>
                <a:close/>
              </a:path>
            </a:pathLst>
          </a:custGeom>
          <a:noFill/>
        </p:spPr>
        <p:txBody>
          <a:bodyPr tIns="648000" anchor="ctr" anchorCtr="0"/>
          <a:lstStyle>
            <a:lvl1pPr algn="ctr">
              <a:lnSpc>
                <a:spcPct val="80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e-DE"/>
              <a:t>Bild durch Klicken auf Symbol hinzufügen</a:t>
            </a:r>
            <a:endParaRPr lang="x-none" dirty="0"/>
          </a:p>
        </p:txBody>
      </p:sp>
    </p:spTree>
    <p:extLst>
      <p:ext uri="{BB962C8B-B14F-4D97-AF65-F5344CB8AC3E}">
        <p14:creationId xmlns:p14="http://schemas.microsoft.com/office/powerpoint/2010/main" val="14168374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02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Rectangle 35"/>
          <p:cNvSpPr/>
          <p:nvPr userDrawn="1"/>
        </p:nvSpPr>
        <p:spPr bwMode="gray">
          <a:xfrm>
            <a:off x="0" y="0"/>
            <a:ext cx="12192000" cy="6858000"/>
          </a:xfrm>
          <a:prstGeom prst="rect">
            <a:avLst/>
          </a:prstGeom>
          <a:ln w="12700" cap="sq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1584452" y="2660653"/>
            <a:ext cx="9792632" cy="1536699"/>
          </a:xfrm>
        </p:spPr>
        <p:txBody>
          <a:bodyPr anchor="ctr" anchorCtr="0"/>
          <a:lstStyle>
            <a:lvl1pPr algn="l">
              <a:defRPr sz="5600" baseline="0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to edit </a:t>
            </a:r>
            <a:br>
              <a:rPr lang="x-none" dirty="0"/>
            </a:br>
            <a:r>
              <a:rPr lang="x-none" dirty="0"/>
              <a:t>Master title style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1584452" y="4197351"/>
            <a:ext cx="9792632" cy="383116"/>
          </a:xfrm>
        </p:spPr>
        <p:txBody>
          <a:bodyPr anchor="t" anchorCtr="0"/>
          <a:lstStyle>
            <a:lvl1pPr marL="0" indent="0" algn="l">
              <a:buNone/>
              <a:defRPr sz="2400" baseline="0">
                <a:solidFill>
                  <a:schemeClr val="bg1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x-none" dirty="0"/>
              <a:t>Click to edit Master subtitle style </a:t>
            </a:r>
          </a:p>
        </p:txBody>
      </p:sp>
      <p:sp>
        <p:nvSpPr>
          <p:cNvPr id="50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1584452" y="6117183"/>
            <a:ext cx="9792632" cy="336551"/>
          </a:xfrm>
        </p:spPr>
        <p:txBody>
          <a:bodyPr tIns="36000" anchor="t" anchorCtr="0"/>
          <a:lstStyle>
            <a:lvl1pPr algn="l">
              <a:spcBef>
                <a:spcPts val="0"/>
              </a:spcBef>
              <a:defRPr sz="1200" baseline="0">
                <a:solidFill>
                  <a:schemeClr val="bg1"/>
                </a:solidFill>
              </a:defRPr>
            </a:lvl1pPr>
            <a:lvl2pPr marL="0" indent="0" algn="ctr">
              <a:spcBef>
                <a:spcPts val="0"/>
              </a:spcBef>
              <a:buNone/>
              <a:defRPr sz="1067">
                <a:solidFill>
                  <a:schemeClr val="bg1"/>
                </a:solidFill>
              </a:defRPr>
            </a:lvl2pPr>
            <a:lvl3pPr marL="0" indent="0" algn="ctr">
              <a:spcBef>
                <a:spcPts val="0"/>
              </a:spcBef>
              <a:buNone/>
              <a:defRPr sz="1067">
                <a:solidFill>
                  <a:schemeClr val="bg1"/>
                </a:solidFill>
              </a:defRPr>
            </a:lvl3pPr>
            <a:lvl4pPr marL="0" indent="0" algn="ctr">
              <a:spcBef>
                <a:spcPts val="0"/>
              </a:spcBef>
              <a:buFont typeface="Arial" pitchFamily="34" charset="0"/>
              <a:buNone/>
              <a:defRPr sz="1067">
                <a:solidFill>
                  <a:schemeClr val="bg1"/>
                </a:solidFill>
              </a:defRPr>
            </a:lvl4pPr>
            <a:lvl5pPr marL="0" indent="0" algn="ctr">
              <a:spcBef>
                <a:spcPts val="0"/>
              </a:spcBef>
              <a:buFont typeface="Arial" pitchFamily="34" charset="0"/>
              <a:buNone/>
              <a:defRPr sz="1067">
                <a:solidFill>
                  <a:schemeClr val="bg1"/>
                </a:solidFill>
              </a:defRPr>
            </a:lvl5pPr>
            <a:lvl6pPr>
              <a:spcBef>
                <a:spcPts val="0"/>
              </a:spcBef>
              <a:defRPr sz="1067">
                <a:solidFill>
                  <a:schemeClr val="bg1"/>
                </a:solidFill>
              </a:defRPr>
            </a:lvl6pPr>
            <a:lvl7pPr>
              <a:spcBef>
                <a:spcPts val="0"/>
              </a:spcBef>
              <a:defRPr sz="1067">
                <a:solidFill>
                  <a:schemeClr val="bg1"/>
                </a:solidFill>
              </a:defRPr>
            </a:lvl7pPr>
            <a:lvl8pPr>
              <a:spcBef>
                <a:spcPts val="0"/>
              </a:spcBef>
              <a:defRPr sz="1067">
                <a:solidFill>
                  <a:schemeClr val="bg1"/>
                </a:solidFill>
              </a:defRPr>
            </a:lvl8pPr>
            <a:lvl9pPr>
              <a:spcBef>
                <a:spcPts val="0"/>
              </a:spcBef>
              <a:defRPr sz="1067">
                <a:solidFill>
                  <a:schemeClr val="bg1"/>
                </a:solidFill>
              </a:defRPr>
            </a:lvl9pPr>
          </a:lstStyle>
          <a:p>
            <a:pPr lvl="0"/>
            <a:r>
              <a:rPr lang="x-none" dirty="0"/>
              <a:t>Click to edit Master text styles </a:t>
            </a:r>
          </a:p>
        </p:txBody>
      </p:sp>
      <p:pic>
        <p:nvPicPr>
          <p:cNvPr id="9" name="Picture 2" descr="OBC_Logo_Performance_BWp.png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1" y="2901000"/>
            <a:ext cx="1056000" cy="105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Picture Placeholder 4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0" y="0"/>
            <a:ext cx="12192000" cy="6858000"/>
          </a:xfrm>
          <a:custGeom>
            <a:avLst/>
            <a:gdLst/>
            <a:ahLst/>
            <a:cxnLst/>
            <a:rect l="l" t="t" r="r" b="b"/>
            <a:pathLst>
              <a:path w="9144000" h="5143500">
                <a:moveTo>
                  <a:pt x="0" y="0"/>
                </a:moveTo>
                <a:lnTo>
                  <a:pt x="9144000" y="0"/>
                </a:lnTo>
                <a:lnTo>
                  <a:pt x="9144000" y="5143500"/>
                </a:lnTo>
                <a:lnTo>
                  <a:pt x="0" y="5143500"/>
                </a:lnTo>
                <a:lnTo>
                  <a:pt x="0" y="2967750"/>
                </a:lnTo>
                <a:lnTo>
                  <a:pt x="792000" y="2967750"/>
                </a:lnTo>
                <a:lnTo>
                  <a:pt x="792000" y="2175750"/>
                </a:lnTo>
                <a:lnTo>
                  <a:pt x="0" y="2175750"/>
                </a:lnTo>
                <a:close/>
              </a:path>
            </a:pathLst>
          </a:custGeom>
          <a:noFill/>
        </p:spPr>
        <p:txBody>
          <a:bodyPr tIns="0" bIns="864000" anchor="ctr" anchorCtr="0"/>
          <a:lstStyle>
            <a:lvl1pPr algn="ctr">
              <a:lnSpc>
                <a:spcPct val="80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</p:spTree>
    <p:extLst>
      <p:ext uri="{BB962C8B-B14F-4D97-AF65-F5344CB8AC3E}">
        <p14:creationId xmlns:p14="http://schemas.microsoft.com/office/powerpoint/2010/main" val="4207490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01">
    <p:bg bwMode="ltGray"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16000" y="740836"/>
            <a:ext cx="3262817" cy="5376333"/>
          </a:xfrm>
        </p:spPr>
        <p:txBody>
          <a:bodyPr anchor="ctr" anchorCtr="0"/>
          <a:lstStyle>
            <a:lvl1pPr algn="l">
              <a:defRPr sz="5600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to edit </a:t>
            </a:r>
            <a:br>
              <a:rPr lang="x-none" dirty="0"/>
            </a:br>
            <a:r>
              <a:rPr lang="x-none" dirty="0"/>
              <a:t>Master title style 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4464060" y="740836"/>
            <a:ext cx="6913033" cy="5376333"/>
          </a:xfrm>
        </p:spPr>
        <p:txBody>
          <a:bodyPr anchor="ctr" anchorCtr="0"/>
          <a:lstStyle>
            <a:lvl1pPr marL="383990" indent="-383990" algn="l"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buFont typeface="+mj-lt"/>
              <a:buAutoNum type="arabicPeriod"/>
              <a:defRPr sz="2400">
                <a:solidFill>
                  <a:schemeClr val="bg1"/>
                </a:solidFill>
              </a:defRPr>
            </a:lvl1pPr>
            <a:lvl2pPr marL="383990" indent="-383990" algn="l">
              <a:lnSpc>
                <a:spcPct val="100000"/>
              </a:lnSpc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buFont typeface="+mj-lt"/>
              <a:buAutoNum type="arabicPeriod"/>
              <a:defRPr sz="2400">
                <a:solidFill>
                  <a:schemeClr val="bg1"/>
                </a:solidFill>
              </a:defRPr>
            </a:lvl2pPr>
            <a:lvl3pPr marL="383990" indent="-383990" algn="l">
              <a:lnSpc>
                <a:spcPct val="100000"/>
              </a:lnSpc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buFont typeface="+mj-lt"/>
              <a:buAutoNum type="arabicPeriod"/>
              <a:defRPr sz="2400">
                <a:solidFill>
                  <a:schemeClr val="bg1"/>
                </a:solidFill>
              </a:defRPr>
            </a:lvl3pPr>
            <a:lvl4pPr marL="383990" indent="-383990" algn="l">
              <a:lnSpc>
                <a:spcPct val="100000"/>
              </a:lnSpc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defRPr sz="2400">
                <a:solidFill>
                  <a:schemeClr val="bg1"/>
                </a:solidFill>
              </a:defRPr>
            </a:lvl4pPr>
            <a:lvl5pPr marL="383990" indent="-383990" algn="l">
              <a:lnSpc>
                <a:spcPct val="100000"/>
              </a:lnSpc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defRPr sz="2400">
                <a:solidFill>
                  <a:schemeClr val="bg1"/>
                </a:solidFill>
              </a:defRPr>
            </a:lvl5pPr>
            <a:lvl6pPr marL="383990" indent="-383990" algn="ctr">
              <a:lnSpc>
                <a:spcPct val="100000"/>
              </a:lnSpc>
              <a:spcBef>
                <a:spcPts val="667"/>
              </a:spcBef>
              <a:spcAft>
                <a:spcPts val="1333"/>
              </a:spcAft>
              <a:buClr>
                <a:schemeClr val="bg1"/>
              </a:buClr>
              <a:buFont typeface="+mj-lt"/>
              <a:buAutoNum type="arabicPeriod"/>
              <a:defRPr sz="2400">
                <a:solidFill>
                  <a:schemeClr val="bg1"/>
                </a:solidFill>
              </a:defRPr>
            </a:lvl6pPr>
            <a:lvl7pPr marL="383990" indent="-383990" algn="ctr">
              <a:lnSpc>
                <a:spcPct val="100000"/>
              </a:lnSpc>
              <a:spcBef>
                <a:spcPts val="667"/>
              </a:spcBef>
              <a:spcAft>
                <a:spcPts val="1333"/>
              </a:spcAft>
              <a:buClr>
                <a:schemeClr val="bg1"/>
              </a:buClr>
              <a:buFont typeface="+mj-lt"/>
              <a:buAutoNum type="arabicPeriod"/>
              <a:defRPr sz="2400">
                <a:solidFill>
                  <a:schemeClr val="bg1"/>
                </a:solidFill>
              </a:defRPr>
            </a:lvl7pPr>
            <a:lvl8pPr marL="383990" indent="-383990" algn="ctr">
              <a:lnSpc>
                <a:spcPct val="100000"/>
              </a:lnSpc>
              <a:spcBef>
                <a:spcPts val="667"/>
              </a:spcBef>
              <a:spcAft>
                <a:spcPts val="1333"/>
              </a:spcAft>
              <a:buClr>
                <a:schemeClr val="bg1"/>
              </a:buClr>
              <a:buFont typeface="+mj-lt"/>
              <a:buAutoNum type="arabicPeriod"/>
              <a:defRPr sz="2400">
                <a:solidFill>
                  <a:schemeClr val="bg1"/>
                </a:solidFill>
              </a:defRPr>
            </a:lvl8pPr>
            <a:lvl9pPr marL="383990" indent="-383990" algn="ctr">
              <a:lnSpc>
                <a:spcPct val="100000"/>
              </a:lnSpc>
              <a:spcBef>
                <a:spcPts val="667"/>
              </a:spcBef>
              <a:spcAft>
                <a:spcPts val="1333"/>
              </a:spcAft>
              <a:buClr>
                <a:schemeClr val="bg1"/>
              </a:buClr>
              <a:buFont typeface="+mj-lt"/>
              <a:buAutoNum type="arabicPeriod"/>
              <a:defRPr sz="2400">
                <a:solidFill>
                  <a:schemeClr val="bg1"/>
                </a:solidFill>
              </a:defRPr>
            </a:lvl9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</p:spTree>
    <p:extLst>
      <p:ext uri="{BB962C8B-B14F-4D97-AF65-F5344CB8AC3E}">
        <p14:creationId xmlns:p14="http://schemas.microsoft.com/office/powerpoint/2010/main" val="27712225"/>
      </p:ext>
    </p:extLst>
  </p:cSld>
  <p:clrMapOvr>
    <a:masterClrMapping/>
  </p:clrMapOvr>
  <p:transition spd="slow">
    <p:push dir="u"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02">
    <p:bg bwMode="ltGray"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16000" y="4580482"/>
            <a:ext cx="11376000" cy="2277535"/>
          </a:xfrm>
        </p:spPr>
        <p:txBody>
          <a:bodyPr rIns="576000" bIns="288000" anchor="b" anchorCtr="0"/>
          <a:lstStyle>
            <a:lvl1pPr algn="r">
              <a:defRPr sz="117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 Click to edit 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 hasCustomPrompt="1"/>
          </p:nvPr>
        </p:nvSpPr>
        <p:spPr bwMode="gray">
          <a:xfrm>
            <a:off x="814924" y="740835"/>
            <a:ext cx="10562167" cy="3839632"/>
          </a:xfrm>
        </p:spPr>
        <p:txBody>
          <a:bodyPr anchor="t" anchorCtr="0"/>
          <a:lstStyle>
            <a:lvl1pPr marL="383990" indent="-383990" algn="l">
              <a:lnSpc>
                <a:spcPct val="100000"/>
              </a:lnSpc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buFont typeface="+mj-lt"/>
              <a:buAutoNum type="arabicPeriod"/>
              <a:defRPr sz="2400">
                <a:solidFill>
                  <a:schemeClr val="bg1"/>
                </a:solidFill>
              </a:defRPr>
            </a:lvl1pPr>
            <a:lvl2pPr marL="383990" indent="-383990" algn="l">
              <a:lnSpc>
                <a:spcPct val="100000"/>
              </a:lnSpc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buFont typeface="+mj-lt"/>
              <a:buAutoNum type="arabicPeriod"/>
              <a:defRPr sz="2400">
                <a:solidFill>
                  <a:schemeClr val="bg1"/>
                </a:solidFill>
              </a:defRPr>
            </a:lvl2pPr>
            <a:lvl3pPr marL="383990" indent="-383990" algn="l">
              <a:lnSpc>
                <a:spcPct val="100000"/>
              </a:lnSpc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buFont typeface="+mj-lt"/>
              <a:buAutoNum type="arabicPeriod"/>
              <a:defRPr sz="2400">
                <a:solidFill>
                  <a:schemeClr val="bg1"/>
                </a:solidFill>
              </a:defRPr>
            </a:lvl3pPr>
            <a:lvl4pPr marL="383990" indent="-383990" algn="l">
              <a:lnSpc>
                <a:spcPct val="100000"/>
              </a:lnSpc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defRPr sz="2400">
                <a:solidFill>
                  <a:schemeClr val="bg1"/>
                </a:solidFill>
              </a:defRPr>
            </a:lvl4pPr>
            <a:lvl5pPr marL="383990" indent="-383990" algn="l">
              <a:lnSpc>
                <a:spcPct val="100000"/>
              </a:lnSpc>
              <a:spcBef>
                <a:spcPts val="800"/>
              </a:spcBef>
              <a:spcAft>
                <a:spcPts val="800"/>
              </a:spcAft>
              <a:buClr>
                <a:schemeClr val="bg1"/>
              </a:buClr>
              <a:buSzPct val="90000"/>
              <a:defRPr sz="2400">
                <a:solidFill>
                  <a:schemeClr val="bg1"/>
                </a:solidFill>
              </a:defRPr>
            </a:lvl5pPr>
            <a:lvl6pPr marL="383990" indent="-383990" algn="l">
              <a:lnSpc>
                <a:spcPct val="100000"/>
              </a:lnSpc>
              <a:spcBef>
                <a:spcPts val="667"/>
              </a:spcBef>
              <a:spcAft>
                <a:spcPts val="667"/>
              </a:spcAft>
              <a:buClr>
                <a:schemeClr val="bg1"/>
              </a:buClr>
              <a:buFont typeface="+mj-lt"/>
              <a:buAutoNum type="arabicPeriod"/>
              <a:defRPr sz="2400">
                <a:solidFill>
                  <a:schemeClr val="bg1"/>
                </a:solidFill>
              </a:defRPr>
            </a:lvl6pPr>
            <a:lvl7pPr marL="383990" indent="-383990" algn="l">
              <a:lnSpc>
                <a:spcPct val="100000"/>
              </a:lnSpc>
              <a:spcBef>
                <a:spcPts val="667"/>
              </a:spcBef>
              <a:spcAft>
                <a:spcPts val="667"/>
              </a:spcAft>
              <a:buClr>
                <a:schemeClr val="bg1"/>
              </a:buClr>
              <a:buFont typeface="+mj-lt"/>
              <a:buAutoNum type="arabicPeriod"/>
              <a:defRPr sz="2400">
                <a:solidFill>
                  <a:schemeClr val="bg1"/>
                </a:solidFill>
              </a:defRPr>
            </a:lvl7pPr>
            <a:lvl8pPr marL="383990" indent="-383990" algn="l">
              <a:lnSpc>
                <a:spcPct val="100000"/>
              </a:lnSpc>
              <a:spcBef>
                <a:spcPts val="667"/>
              </a:spcBef>
              <a:spcAft>
                <a:spcPts val="667"/>
              </a:spcAft>
              <a:buClr>
                <a:schemeClr val="bg1"/>
              </a:buClr>
              <a:buFont typeface="+mj-lt"/>
              <a:buAutoNum type="arabicPeriod"/>
              <a:defRPr sz="2400">
                <a:solidFill>
                  <a:schemeClr val="bg1"/>
                </a:solidFill>
              </a:defRPr>
            </a:lvl8pPr>
            <a:lvl9pPr marL="383990" indent="-383990" algn="l">
              <a:lnSpc>
                <a:spcPct val="100000"/>
              </a:lnSpc>
              <a:spcBef>
                <a:spcPts val="667"/>
              </a:spcBef>
              <a:spcAft>
                <a:spcPts val="667"/>
              </a:spcAft>
              <a:buClr>
                <a:schemeClr val="bg1"/>
              </a:buClr>
              <a:buFont typeface="+mj-lt"/>
              <a:buAutoNum type="arabicPeriod"/>
              <a:defRPr sz="2400">
                <a:solidFill>
                  <a:schemeClr val="bg1"/>
                </a:solidFill>
              </a:defRPr>
            </a:lvl9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</p:spTree>
    <p:extLst>
      <p:ext uri="{BB962C8B-B14F-4D97-AF65-F5344CB8AC3E}">
        <p14:creationId xmlns:p14="http://schemas.microsoft.com/office/powerpoint/2010/main" val="4172105181"/>
      </p:ext>
    </p:extLst>
  </p:cSld>
  <p:clrMapOvr>
    <a:masterClrMapping/>
  </p:clrMapOvr>
  <p:transition spd="slow">
    <p:push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8D38F459-6B93-4A25-B2CB-68B5570F92CA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/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</p:spTree>
    <p:extLst>
      <p:ext uri="{BB962C8B-B14F-4D97-AF65-F5344CB8AC3E}">
        <p14:creationId xmlns:p14="http://schemas.microsoft.com/office/powerpoint/2010/main" val="39794908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FC1C2B-D869-4D9B-97A5-3EA3DDBF41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500177E-E7FF-4806-B968-FB56AD1AAEE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476CFF-FF80-4C55-A72E-4E68DCF1AC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788F0C5-FA62-4BEE-9034-9FC428C426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E729F1-EC7B-490F-8C70-5A9659BABA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05979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6C8C52CB-5988-4D93-A9F7-78221B19D563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464049" y="740832"/>
            <a:ext cx="6912000" cy="537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/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</p:spTree>
    <p:extLst>
      <p:ext uri="{BB962C8B-B14F-4D97-AF65-F5344CB8AC3E}">
        <p14:creationId xmlns:p14="http://schemas.microsoft.com/office/powerpoint/2010/main" val="34487680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1)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89A26F1D-54F6-41BF-8A37-EB66E8426054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814916" y="2660651"/>
            <a:ext cx="6912000" cy="345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14919" y="740835"/>
            <a:ext cx="3264000" cy="1536700"/>
          </a:xfrm>
        </p:spPr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8113183" y="740833"/>
            <a:ext cx="3264000" cy="537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</p:spTree>
    <p:extLst>
      <p:ext uri="{BB962C8B-B14F-4D97-AF65-F5344CB8AC3E}">
        <p14:creationId xmlns:p14="http://schemas.microsoft.com/office/powerpoint/2010/main" val="30343303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2)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338F0FCA-6366-479C-BB2C-186E5C612B94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814916" y="2660651"/>
            <a:ext cx="3264000" cy="345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14919" y="740835"/>
            <a:ext cx="3264000" cy="1536700"/>
          </a:xfrm>
        </p:spPr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4464061" y="740833"/>
            <a:ext cx="6911999" cy="537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</p:spTree>
    <p:extLst>
      <p:ext uri="{BB962C8B-B14F-4D97-AF65-F5344CB8AC3E}">
        <p14:creationId xmlns:p14="http://schemas.microsoft.com/office/powerpoint/2010/main" val="10847205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3)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4464058" y="0"/>
            <a:ext cx="7727951" cy="6858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B5AB83F-25DC-42C0-B602-E543570EAFD3}" type="datetime1">
              <a:rPr lang="en-US" smtClean="0">
                <a:solidFill>
                  <a:srgbClr val="FFFFFF"/>
                </a:solidFill>
              </a:rPr>
              <a:t>9/19/2023</a:t>
            </a:fld>
            <a:endParaRPr lang="x-none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r-FR">
                <a:solidFill>
                  <a:srgbClr val="FFFFFF"/>
                </a:solidFill>
              </a:rPr>
              <a:t>2013 Q3Q4 GTM plan</a:t>
            </a:r>
            <a:endParaRPr lang="x-none">
              <a:solidFill>
                <a:srgbClr val="FFFFFF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136C6D1-1D7D-45E1-A7D6-44C33DC01A23}" type="slidenum">
              <a:rPr lang="x-none" smtClean="0">
                <a:solidFill>
                  <a:srgbClr val="FFFFFF"/>
                </a:solidFill>
              </a:rPr>
              <a:pPr/>
              <a:t>‹#›</a:t>
            </a:fld>
            <a:endParaRPr lang="x-none">
              <a:solidFill>
                <a:srgbClr val="FFFFFF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814916" y="2660651"/>
            <a:ext cx="3264000" cy="345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14919" y="740835"/>
            <a:ext cx="3264000" cy="1536700"/>
          </a:xfrm>
        </p:spPr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</p:spTree>
    <p:extLst>
      <p:ext uri="{BB962C8B-B14F-4D97-AF65-F5344CB8AC3E}">
        <p14:creationId xmlns:p14="http://schemas.microsoft.com/office/powerpoint/2010/main" val="2805053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4)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F0ABF421-2D32-4597-A1B1-CBE17375FF7B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464048" y="740832"/>
            <a:ext cx="6912000" cy="153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14919" y="740835"/>
            <a:ext cx="3264000" cy="1536700"/>
          </a:xfrm>
        </p:spPr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814919" y="2660661"/>
            <a:ext cx="10561131" cy="3456183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</p:spTree>
    <p:extLst>
      <p:ext uri="{BB962C8B-B14F-4D97-AF65-F5344CB8AC3E}">
        <p14:creationId xmlns:p14="http://schemas.microsoft.com/office/powerpoint/2010/main" val="1272224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(5)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1" y="1"/>
            <a:ext cx="12192000" cy="4580467"/>
          </a:xfrm>
          <a:custGeom>
            <a:avLst/>
            <a:gdLst/>
            <a:ahLst/>
            <a:cxnLst/>
            <a:rect l="l" t="t" r="r" b="b"/>
            <a:pathLst>
              <a:path w="9144000" h="3435350">
                <a:moveTo>
                  <a:pt x="0" y="0"/>
                </a:moveTo>
                <a:lnTo>
                  <a:pt x="9144000" y="0"/>
                </a:lnTo>
                <a:lnTo>
                  <a:pt x="9144000" y="3435350"/>
                </a:lnTo>
                <a:lnTo>
                  <a:pt x="0" y="3435350"/>
                </a:lnTo>
                <a:lnTo>
                  <a:pt x="0" y="1026774"/>
                </a:lnTo>
                <a:lnTo>
                  <a:pt x="413999" y="1026774"/>
                </a:lnTo>
                <a:lnTo>
                  <a:pt x="413999" y="612774"/>
                </a:lnTo>
                <a:lnTo>
                  <a:pt x="0" y="612774"/>
                </a:lnTo>
                <a:close/>
              </a:path>
            </a:pathLst>
          </a:custGeo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D956F263-CAEF-41F0-BC7E-D5EB7B763302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08497" y="4580467"/>
            <a:ext cx="10568587" cy="1536700"/>
          </a:xfrm>
        </p:spPr>
        <p:txBody>
          <a:bodyPr anchor="b" anchorCtr="0">
            <a:noAutofit/>
          </a:bodyPr>
          <a:lstStyle>
            <a:lvl1pPr algn="ctr">
              <a:spcBef>
                <a:spcPts val="800"/>
              </a:spcBef>
              <a:defRPr>
                <a:latin typeface="+mn-lt"/>
              </a:defRPr>
            </a:lvl1pPr>
          </a:lstStyle>
          <a:p>
            <a:r>
              <a:rPr lang="x-none" dirty="0"/>
              <a:t>Click to edit </a:t>
            </a:r>
            <a:br>
              <a:rPr lang="x-none" dirty="0"/>
            </a:br>
            <a:r>
              <a:rPr lang="x-none" dirty="0"/>
              <a:t>Master title style </a:t>
            </a:r>
          </a:p>
        </p:txBody>
      </p:sp>
      <p:pic>
        <p:nvPicPr>
          <p:cNvPr id="7" name="Picture 2" descr="OBC_Logo_Performance_BWp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0" y="816989"/>
            <a:ext cx="551696" cy="5516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548685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-size Image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1" y="0"/>
            <a:ext cx="12192000" cy="6858000"/>
          </a:xfrm>
          <a:custGeom>
            <a:avLst/>
            <a:gdLst/>
            <a:ahLst/>
            <a:cxnLst/>
            <a:rect l="l" t="t" r="r" b="b"/>
            <a:pathLst>
              <a:path w="9144000" h="5143500">
                <a:moveTo>
                  <a:pt x="0" y="0"/>
                </a:moveTo>
                <a:lnTo>
                  <a:pt x="9144000" y="0"/>
                </a:lnTo>
                <a:lnTo>
                  <a:pt x="9144000" y="5143500"/>
                </a:lnTo>
                <a:lnTo>
                  <a:pt x="0" y="5143500"/>
                </a:lnTo>
                <a:lnTo>
                  <a:pt x="0" y="1026774"/>
                </a:lnTo>
                <a:lnTo>
                  <a:pt x="413999" y="1026774"/>
                </a:lnTo>
                <a:lnTo>
                  <a:pt x="413999" y="612774"/>
                </a:lnTo>
                <a:lnTo>
                  <a:pt x="0" y="612774"/>
                </a:lnTo>
                <a:close/>
              </a:path>
            </a:pathLst>
          </a:custGeo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5418315-0DB3-4044-8EE9-B6E1AB33FD4D}" type="datetime1">
              <a:rPr lang="en-US" smtClean="0">
                <a:solidFill>
                  <a:srgbClr val="FFFFFF"/>
                </a:solidFill>
              </a:rPr>
              <a:t>9/19/2023</a:t>
            </a:fld>
            <a:endParaRPr lang="x-none">
              <a:solidFill>
                <a:srgbClr val="FFFFFF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r-FR">
                <a:solidFill>
                  <a:srgbClr val="FFFFFF"/>
                </a:solidFill>
              </a:rPr>
              <a:t>2013 Q3Q4 GTM plan</a:t>
            </a:r>
            <a:endParaRPr lang="x-none" dirty="0">
              <a:solidFill>
                <a:srgbClr val="FFFFFF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D136C6D1-1D7D-45E1-A7D6-44C33DC01A23}" type="slidenum">
              <a:rPr lang="x-none" smtClean="0">
                <a:solidFill>
                  <a:srgbClr val="FFFFFF"/>
                </a:solidFill>
              </a:rPr>
              <a:pPr/>
              <a:t>‹#›</a:t>
            </a:fld>
            <a:endParaRPr lang="x-none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gray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to edit Master title style </a:t>
            </a:r>
          </a:p>
        </p:txBody>
      </p:sp>
      <p:pic>
        <p:nvPicPr>
          <p:cNvPr id="8" name="Picture 2" descr="OBC_Logo_Performance_BWp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0" y="816989"/>
            <a:ext cx="551696" cy="5516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78631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2 Images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1399B5DA-1BCC-4145-B56A-42B8B0BCA89F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814916" y="2660651"/>
            <a:ext cx="3264000" cy="345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14919" y="740835"/>
            <a:ext cx="3264000" cy="1536700"/>
          </a:xfrm>
        </p:spPr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8113184" y="740833"/>
            <a:ext cx="3262864" cy="537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0" name="Picture Placeholder 2"/>
          <p:cNvSpPr>
            <a:spLocks noGrp="1"/>
          </p:cNvSpPr>
          <p:nvPr>
            <p:ph type="pic" sz="quarter" idx="15" hasCustomPrompt="1"/>
          </p:nvPr>
        </p:nvSpPr>
        <p:spPr bwMode="gray">
          <a:xfrm>
            <a:off x="4464051" y="740833"/>
            <a:ext cx="3262864" cy="537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</p:spTree>
    <p:extLst>
      <p:ext uri="{BB962C8B-B14F-4D97-AF65-F5344CB8AC3E}">
        <p14:creationId xmlns:p14="http://schemas.microsoft.com/office/powerpoint/2010/main" val="9964286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3 Images (1)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1607CA23-1E07-4230-B59E-0FD0867279DC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462922" y="740835"/>
            <a:ext cx="6914169" cy="15367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14919" y="740835"/>
            <a:ext cx="3264000" cy="1536700"/>
          </a:xfrm>
        </p:spPr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8113184" y="2660661"/>
            <a:ext cx="3262864" cy="3456183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0" name="Picture Placeholder 2"/>
          <p:cNvSpPr>
            <a:spLocks noGrp="1"/>
          </p:cNvSpPr>
          <p:nvPr>
            <p:ph type="pic" sz="quarter" idx="15" hasCustomPrompt="1"/>
          </p:nvPr>
        </p:nvSpPr>
        <p:spPr bwMode="gray">
          <a:xfrm>
            <a:off x="4464051" y="2660661"/>
            <a:ext cx="3262864" cy="3456183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6" hasCustomPrompt="1"/>
          </p:nvPr>
        </p:nvSpPr>
        <p:spPr bwMode="gray">
          <a:xfrm>
            <a:off x="814917" y="2660661"/>
            <a:ext cx="3262864" cy="3456183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</p:spTree>
    <p:extLst>
      <p:ext uri="{BB962C8B-B14F-4D97-AF65-F5344CB8AC3E}">
        <p14:creationId xmlns:p14="http://schemas.microsoft.com/office/powerpoint/2010/main" val="4817064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3 Images (2)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AFB82196-585F-40CA-A0B1-E8A312FF7393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814916" y="2660651"/>
            <a:ext cx="3264000" cy="345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14919" y="740835"/>
            <a:ext cx="3264000" cy="1536700"/>
          </a:xfrm>
        </p:spPr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4464051" y="740832"/>
            <a:ext cx="6912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6" hasCustomPrompt="1"/>
          </p:nvPr>
        </p:nvSpPr>
        <p:spPr bwMode="gray">
          <a:xfrm>
            <a:off x="4464051" y="2660648"/>
            <a:ext cx="6912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3" name="Picture Placeholder 2"/>
          <p:cNvSpPr>
            <a:spLocks noGrp="1"/>
          </p:cNvSpPr>
          <p:nvPr>
            <p:ph type="pic" sz="quarter" idx="18" hasCustomPrompt="1"/>
          </p:nvPr>
        </p:nvSpPr>
        <p:spPr bwMode="gray">
          <a:xfrm>
            <a:off x="4464051" y="4580465"/>
            <a:ext cx="6912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</p:spTree>
    <p:extLst>
      <p:ext uri="{BB962C8B-B14F-4D97-AF65-F5344CB8AC3E}">
        <p14:creationId xmlns:p14="http://schemas.microsoft.com/office/powerpoint/2010/main" val="3118325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30FCCE-2201-4E9E-99CE-902981D2E8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B842DF-D967-41EB-962C-80926A889BA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5B531CB-BDA9-4AF4-AEB0-D2E46AAB7E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8AF0DCF-ED24-46BF-914B-8C7F4214C7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70D909D-DEEA-48F7-A07C-BBF0267794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813059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6 Images (1)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AB48A5EE-0038-450E-B60D-BA826C63CBB4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814916" y="2660651"/>
            <a:ext cx="3264000" cy="3456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14919" y="740835"/>
            <a:ext cx="3264000" cy="1536700"/>
          </a:xfrm>
        </p:spPr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4" hasCustomPrompt="1"/>
          </p:nvPr>
        </p:nvSpPr>
        <p:spPr bwMode="gray">
          <a:xfrm>
            <a:off x="8113184" y="740832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0" name="Picture Placeholder 2"/>
          <p:cNvSpPr>
            <a:spLocks noGrp="1"/>
          </p:cNvSpPr>
          <p:nvPr>
            <p:ph type="pic" sz="quarter" idx="15" hasCustomPrompt="1"/>
          </p:nvPr>
        </p:nvSpPr>
        <p:spPr bwMode="gray">
          <a:xfrm>
            <a:off x="4464051" y="740832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6" hasCustomPrompt="1"/>
          </p:nvPr>
        </p:nvSpPr>
        <p:spPr bwMode="gray">
          <a:xfrm>
            <a:off x="8113184" y="2660648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2" name="Picture Placeholder 2"/>
          <p:cNvSpPr>
            <a:spLocks noGrp="1"/>
          </p:cNvSpPr>
          <p:nvPr>
            <p:ph type="pic" sz="quarter" idx="17" hasCustomPrompt="1"/>
          </p:nvPr>
        </p:nvSpPr>
        <p:spPr bwMode="gray">
          <a:xfrm>
            <a:off x="4464051" y="2660648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3" name="Picture Placeholder 2"/>
          <p:cNvSpPr>
            <a:spLocks noGrp="1"/>
          </p:cNvSpPr>
          <p:nvPr>
            <p:ph type="pic" sz="quarter" idx="18" hasCustomPrompt="1"/>
          </p:nvPr>
        </p:nvSpPr>
        <p:spPr bwMode="gray">
          <a:xfrm>
            <a:off x="8113184" y="4580465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9" hasCustomPrompt="1"/>
          </p:nvPr>
        </p:nvSpPr>
        <p:spPr bwMode="gray">
          <a:xfrm>
            <a:off x="4464051" y="4580465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</p:spTree>
    <p:extLst>
      <p:ext uri="{BB962C8B-B14F-4D97-AF65-F5344CB8AC3E}">
        <p14:creationId xmlns:p14="http://schemas.microsoft.com/office/powerpoint/2010/main" val="37724999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6 Images (2)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34D1AF86-F7D1-448B-92A7-AEA969332C58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464060" y="740835"/>
            <a:ext cx="6913033" cy="15367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</a:lstStyle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 bwMode="gray">
          <a:xfrm>
            <a:off x="814919" y="740835"/>
            <a:ext cx="3264000" cy="1536700"/>
          </a:xfrm>
        </p:spPr>
        <p:txBody>
          <a:bodyPr/>
          <a:lstStyle>
            <a:lvl1pPr>
              <a:defRPr/>
            </a:lvl1pPr>
          </a:lstStyle>
          <a:p>
            <a:r>
              <a:rPr lang="x-none" dirty="0"/>
              <a:t>Click to edit Master title style 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6" hasCustomPrompt="1"/>
          </p:nvPr>
        </p:nvSpPr>
        <p:spPr bwMode="gray">
          <a:xfrm>
            <a:off x="8113184" y="2660648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2" name="Picture Placeholder 2"/>
          <p:cNvSpPr>
            <a:spLocks noGrp="1"/>
          </p:cNvSpPr>
          <p:nvPr>
            <p:ph type="pic" sz="quarter" idx="17" hasCustomPrompt="1"/>
          </p:nvPr>
        </p:nvSpPr>
        <p:spPr bwMode="gray">
          <a:xfrm>
            <a:off x="4464051" y="2660648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3" name="Picture Placeholder 2"/>
          <p:cNvSpPr>
            <a:spLocks noGrp="1"/>
          </p:cNvSpPr>
          <p:nvPr>
            <p:ph type="pic" sz="quarter" idx="18" hasCustomPrompt="1"/>
          </p:nvPr>
        </p:nvSpPr>
        <p:spPr bwMode="gray">
          <a:xfrm>
            <a:off x="8113184" y="4580465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4" name="Picture Placeholder 2"/>
          <p:cNvSpPr>
            <a:spLocks noGrp="1"/>
          </p:cNvSpPr>
          <p:nvPr>
            <p:ph type="pic" sz="quarter" idx="19" hasCustomPrompt="1"/>
          </p:nvPr>
        </p:nvSpPr>
        <p:spPr bwMode="gray">
          <a:xfrm>
            <a:off x="4464051" y="4580465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5" name="Picture Placeholder 2"/>
          <p:cNvSpPr>
            <a:spLocks noGrp="1"/>
          </p:cNvSpPr>
          <p:nvPr>
            <p:ph type="pic" sz="quarter" idx="20" hasCustomPrompt="1"/>
          </p:nvPr>
        </p:nvSpPr>
        <p:spPr bwMode="gray">
          <a:xfrm>
            <a:off x="814817" y="2660648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  <p:sp>
        <p:nvSpPr>
          <p:cNvPr id="16" name="Picture Placeholder 2"/>
          <p:cNvSpPr>
            <a:spLocks noGrp="1"/>
          </p:cNvSpPr>
          <p:nvPr>
            <p:ph type="pic" sz="quarter" idx="21" hasCustomPrompt="1"/>
          </p:nvPr>
        </p:nvSpPr>
        <p:spPr bwMode="gray">
          <a:xfrm>
            <a:off x="814817" y="4580465"/>
            <a:ext cx="3264000" cy="1536000"/>
          </a:xfrm>
          <a:solidFill>
            <a:schemeClr val="accent1"/>
          </a:solidFill>
        </p:spPr>
        <p:txBody>
          <a:bodyPr tIns="648000" anchor="ctr" anchorCtr="0"/>
          <a:lstStyle>
            <a:lvl1pPr algn="ctr">
              <a:defRPr sz="1333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Icon to </a:t>
            </a:r>
            <a:br>
              <a:rPr lang="x-none" dirty="0"/>
            </a:br>
            <a:r>
              <a:rPr lang="x-none" dirty="0"/>
              <a:t>add Picture</a:t>
            </a:r>
          </a:p>
        </p:txBody>
      </p:sp>
    </p:spTree>
    <p:extLst>
      <p:ext uri="{BB962C8B-B14F-4D97-AF65-F5344CB8AC3E}">
        <p14:creationId xmlns:p14="http://schemas.microsoft.com/office/powerpoint/2010/main" val="15117804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End Slide">
    <p:bg bwMode="ltGray"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gray">
          <a:xfrm>
            <a:off x="816000" y="740835"/>
            <a:ext cx="10560000" cy="3456516"/>
          </a:xfrm>
        </p:spPr>
        <p:txBody>
          <a:bodyPr anchor="ctr" anchorCtr="0"/>
          <a:lstStyle>
            <a:lvl1pPr algn="ctr">
              <a:defRPr sz="5600">
                <a:solidFill>
                  <a:schemeClr val="bg1"/>
                </a:solidFill>
              </a:defRPr>
            </a:lvl1pPr>
          </a:lstStyle>
          <a:p>
            <a:r>
              <a:rPr lang="x-none" dirty="0"/>
              <a:t>Click to edit  </a:t>
            </a:r>
            <a:br>
              <a:rPr lang="x-none" dirty="0"/>
            </a:br>
            <a:r>
              <a:rPr lang="x-none" dirty="0"/>
              <a:t>Master title style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814917" y="4197351"/>
            <a:ext cx="10560000" cy="1919816"/>
          </a:xfrm>
        </p:spPr>
        <p:txBody>
          <a:bodyPr tIns="144000" anchor="t" anchorCtr="0"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333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333" b="0">
                <a:solidFill>
                  <a:schemeClr val="bg1"/>
                </a:solidFill>
              </a:defRPr>
            </a:lvl2pPr>
            <a:lvl3pPr marL="0" indent="0" algn="ctr">
              <a:lnSpc>
                <a:spcPct val="100000"/>
              </a:lnSpc>
              <a:spcBef>
                <a:spcPts val="0"/>
              </a:spcBef>
              <a:buNone/>
              <a:defRPr sz="1333" b="0">
                <a:solidFill>
                  <a:schemeClr val="bg1"/>
                </a:solidFill>
              </a:defRPr>
            </a:lvl3pPr>
            <a:lvl4pPr marL="0" indent="0" algn="ctr">
              <a:lnSpc>
                <a:spcPct val="100000"/>
              </a:lnSpc>
              <a:spcBef>
                <a:spcPts val="0"/>
              </a:spcBef>
              <a:buNone/>
              <a:defRPr sz="1333" b="0">
                <a:solidFill>
                  <a:schemeClr val="bg1"/>
                </a:solidFill>
              </a:defRPr>
            </a:lvl4pPr>
            <a:lvl5pPr marL="0" indent="0" algn="ctr">
              <a:lnSpc>
                <a:spcPct val="100000"/>
              </a:lnSpc>
              <a:spcBef>
                <a:spcPts val="0"/>
              </a:spcBef>
              <a:buNone/>
              <a:defRPr sz="1333" b="0">
                <a:solidFill>
                  <a:schemeClr val="bg1"/>
                </a:solidFill>
              </a:defRPr>
            </a:lvl5pPr>
            <a:lvl6pPr marL="0" indent="0" algn="ctr">
              <a:lnSpc>
                <a:spcPct val="100000"/>
              </a:lnSpc>
              <a:spcBef>
                <a:spcPts val="0"/>
              </a:spcBef>
              <a:buNone/>
              <a:defRPr sz="1333" b="0">
                <a:solidFill>
                  <a:schemeClr val="bg1"/>
                </a:solidFill>
              </a:defRPr>
            </a:lvl6pPr>
            <a:lvl7pPr marL="0" indent="0" algn="ctr">
              <a:lnSpc>
                <a:spcPct val="100000"/>
              </a:lnSpc>
              <a:spcBef>
                <a:spcPts val="0"/>
              </a:spcBef>
              <a:buNone/>
              <a:defRPr sz="1333" b="0">
                <a:solidFill>
                  <a:schemeClr val="bg1"/>
                </a:solidFill>
              </a:defRPr>
            </a:lvl7pPr>
            <a:lvl8pPr marL="0" indent="0" algn="ctr">
              <a:lnSpc>
                <a:spcPct val="100000"/>
              </a:lnSpc>
              <a:spcBef>
                <a:spcPts val="0"/>
              </a:spcBef>
              <a:buNone/>
              <a:defRPr sz="1333" b="0">
                <a:solidFill>
                  <a:schemeClr val="bg1"/>
                </a:solidFill>
              </a:defRPr>
            </a:lvl8pPr>
            <a:lvl9pPr marL="0" indent="0" algn="ctr">
              <a:lnSpc>
                <a:spcPct val="100000"/>
              </a:lnSpc>
              <a:spcBef>
                <a:spcPts val="0"/>
              </a:spcBef>
              <a:buNone/>
              <a:defRPr sz="1333" b="0">
                <a:solidFill>
                  <a:schemeClr val="bg1"/>
                </a:solidFill>
              </a:defRPr>
            </a:lvl9pPr>
          </a:lstStyle>
          <a:p>
            <a:r>
              <a:rPr lang="x-none" dirty="0"/>
              <a:t>Click to edit Master subtitle style </a:t>
            </a:r>
          </a:p>
        </p:txBody>
      </p:sp>
      <p:pic>
        <p:nvPicPr>
          <p:cNvPr id="7" name="Picture 2" descr="OBC_Logo_Performance_BWp_CS3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gray">
          <a:xfrm>
            <a:off x="5710831" y="812436"/>
            <a:ext cx="772520" cy="5212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52684802"/>
      </p:ext>
    </p:extLst>
  </p:cSld>
  <p:clrMapOvr>
    <a:masterClrMapping/>
  </p:clrMapOvr>
  <p:transition spd="slow">
    <p:push dir="u"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ickGuide: Layout-Grid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A8986CF4-1D3E-436E-A8D1-DEAACA1F0F67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grpSp>
        <p:nvGrpSpPr>
          <p:cNvPr id="23" name="Group 22"/>
          <p:cNvGrpSpPr/>
          <p:nvPr userDrawn="1"/>
        </p:nvGrpSpPr>
        <p:grpSpPr bwMode="gray">
          <a:xfrm>
            <a:off x="-118544" y="740849"/>
            <a:ext cx="12310544" cy="5373159"/>
            <a:chOff x="-57158" y="555625"/>
            <a:chExt cx="36000" cy="4029869"/>
          </a:xfrm>
        </p:grpSpPr>
        <p:cxnSp>
          <p:nvCxnSpPr>
            <p:cNvPr id="24" name="Straight Connector 23"/>
            <p:cNvCxnSpPr/>
            <p:nvPr userDrawn="1"/>
          </p:nvCxnSpPr>
          <p:spPr bwMode="gray">
            <a:xfrm flipH="1">
              <a:off x="-57158" y="555625"/>
              <a:ext cx="36000" cy="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/>
            <p:cNvCxnSpPr/>
            <p:nvPr userDrawn="1"/>
          </p:nvCxnSpPr>
          <p:spPr bwMode="gray">
            <a:xfrm flipH="1">
              <a:off x="-57158" y="1705769"/>
              <a:ext cx="36000" cy="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/>
            <p:cNvCxnSpPr/>
            <p:nvPr userDrawn="1"/>
          </p:nvCxnSpPr>
          <p:spPr bwMode="gray">
            <a:xfrm flipH="1">
              <a:off x="-57158" y="1993900"/>
              <a:ext cx="36000" cy="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/>
            <p:cNvCxnSpPr/>
            <p:nvPr userDrawn="1"/>
          </p:nvCxnSpPr>
          <p:spPr bwMode="gray">
            <a:xfrm flipH="1">
              <a:off x="-57158" y="3435350"/>
              <a:ext cx="36000" cy="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/>
            <p:cNvCxnSpPr/>
            <p:nvPr userDrawn="1"/>
          </p:nvCxnSpPr>
          <p:spPr bwMode="gray">
            <a:xfrm flipH="1">
              <a:off x="-57158" y="3146425"/>
              <a:ext cx="36000" cy="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/>
            <p:cNvCxnSpPr/>
            <p:nvPr userDrawn="1"/>
          </p:nvCxnSpPr>
          <p:spPr bwMode="gray">
            <a:xfrm flipH="1">
              <a:off x="-57158" y="4585494"/>
              <a:ext cx="36000" cy="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0" name="Group 29"/>
          <p:cNvGrpSpPr/>
          <p:nvPr userDrawn="1"/>
        </p:nvGrpSpPr>
        <p:grpSpPr bwMode="gray">
          <a:xfrm>
            <a:off x="814923" y="-75768"/>
            <a:ext cx="10561111" cy="6933775"/>
            <a:chOff x="611188" y="-44926"/>
            <a:chExt cx="7920833" cy="36000"/>
          </a:xfrm>
        </p:grpSpPr>
        <p:cxnSp>
          <p:nvCxnSpPr>
            <p:cNvPr id="31" name="Straight Connector 30"/>
            <p:cNvCxnSpPr/>
            <p:nvPr userDrawn="1"/>
          </p:nvCxnSpPr>
          <p:spPr bwMode="gray">
            <a:xfrm flipV="1">
              <a:off x="611188" y="-44926"/>
              <a:ext cx="0" cy="3600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/>
            <p:cNvCxnSpPr/>
            <p:nvPr userDrawn="1"/>
          </p:nvCxnSpPr>
          <p:spPr bwMode="gray">
            <a:xfrm flipV="1">
              <a:off x="3056732" y="-44926"/>
              <a:ext cx="0" cy="3600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/>
            <p:cNvCxnSpPr/>
            <p:nvPr userDrawn="1"/>
          </p:nvCxnSpPr>
          <p:spPr bwMode="gray">
            <a:xfrm flipV="1">
              <a:off x="3347245" y="-44926"/>
              <a:ext cx="0" cy="3600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Connector 33"/>
            <p:cNvCxnSpPr/>
            <p:nvPr userDrawn="1"/>
          </p:nvCxnSpPr>
          <p:spPr bwMode="gray">
            <a:xfrm flipV="1">
              <a:off x="5795170" y="-44926"/>
              <a:ext cx="0" cy="3600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/>
            <p:cNvCxnSpPr/>
            <p:nvPr userDrawn="1"/>
          </p:nvCxnSpPr>
          <p:spPr bwMode="gray">
            <a:xfrm flipV="1">
              <a:off x="6080920" y="-44926"/>
              <a:ext cx="0" cy="3600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/>
            <p:cNvCxnSpPr/>
            <p:nvPr userDrawn="1"/>
          </p:nvCxnSpPr>
          <p:spPr bwMode="gray">
            <a:xfrm flipV="1">
              <a:off x="8532021" y="-44926"/>
              <a:ext cx="0" cy="36000"/>
            </a:xfrm>
            <a:prstGeom prst="line">
              <a:avLst/>
            </a:prstGeom>
            <a:ln w="12700" cap="rnd">
              <a:solidFill>
                <a:srgbClr val="FF000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0" name="Rechteck 11"/>
          <p:cNvSpPr/>
          <p:nvPr userDrawn="1"/>
        </p:nvSpPr>
        <p:spPr bwMode="gray">
          <a:xfrm>
            <a:off x="814822" y="740836"/>
            <a:ext cx="10562367" cy="5376335"/>
          </a:xfrm>
          <a:custGeom>
            <a:avLst/>
            <a:gdLst/>
            <a:ahLst/>
            <a:cxnLst/>
            <a:rect l="l" t="t" r="r" b="b"/>
            <a:pathLst>
              <a:path w="7921775" h="4032251">
                <a:moveTo>
                  <a:pt x="2448076" y="0"/>
                </a:moveTo>
                <a:lnTo>
                  <a:pt x="5473775" y="0"/>
                </a:lnTo>
                <a:lnTo>
                  <a:pt x="5581068" y="0"/>
                </a:lnTo>
                <a:lnTo>
                  <a:pt x="7921775" y="0"/>
                </a:lnTo>
                <a:lnTo>
                  <a:pt x="7921775" y="4032251"/>
                </a:lnTo>
                <a:lnTo>
                  <a:pt x="5581068" y="4032251"/>
                </a:lnTo>
                <a:lnTo>
                  <a:pt x="5473775" y="4032251"/>
                </a:lnTo>
                <a:lnTo>
                  <a:pt x="2448076" y="4032251"/>
                </a:lnTo>
                <a:lnTo>
                  <a:pt x="2448076" y="4032250"/>
                </a:lnTo>
                <a:lnTo>
                  <a:pt x="0" y="4032250"/>
                </a:lnTo>
                <a:lnTo>
                  <a:pt x="0" y="2592389"/>
                </a:lnTo>
                <a:lnTo>
                  <a:pt x="2448076" y="2592389"/>
                </a:lnTo>
                <a:close/>
              </a:path>
            </a:pathLst>
          </a:custGeom>
          <a:solidFill>
            <a:schemeClr val="accent4">
              <a:alpha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3876" tIns="51937" rIns="103876" bIns="51937" rtlCol="0" anchor="ctr"/>
          <a:lstStyle/>
          <a:p>
            <a:pPr algn="ctr"/>
            <a:r>
              <a:rPr lang="x-none" sz="1200" dirty="0">
                <a:solidFill>
                  <a:srgbClr val="000000"/>
                </a:solidFill>
              </a:rPr>
              <a:t>CONTENT AREA</a:t>
            </a:r>
          </a:p>
        </p:txBody>
      </p:sp>
      <p:sp>
        <p:nvSpPr>
          <p:cNvPr id="7" name="Rechteck 11"/>
          <p:cNvSpPr/>
          <p:nvPr userDrawn="1"/>
        </p:nvSpPr>
        <p:spPr bwMode="gray">
          <a:xfrm>
            <a:off x="814916" y="740836"/>
            <a:ext cx="3263901" cy="3456517"/>
          </a:xfrm>
          <a:prstGeom prst="rect">
            <a:avLst/>
          </a:prstGeom>
          <a:solidFill>
            <a:srgbClr val="FFA100">
              <a:alpha val="3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3876" tIns="51937" rIns="103876" bIns="51937" rtlCol="0" anchor="ctr"/>
          <a:lstStyle/>
          <a:p>
            <a:pPr algn="ctr"/>
            <a:r>
              <a:rPr lang="x-none" sz="1200" dirty="0">
                <a:solidFill>
                  <a:srgbClr val="000000"/>
                </a:solidFill>
              </a:rPr>
              <a:t>TITLE AREA</a:t>
            </a:r>
          </a:p>
        </p:txBody>
      </p:sp>
      <p:sp>
        <p:nvSpPr>
          <p:cNvPr id="3" name="TextBox 2"/>
          <p:cNvSpPr txBox="1"/>
          <p:nvPr userDrawn="1"/>
        </p:nvSpPr>
        <p:spPr bwMode="gray">
          <a:xfrm>
            <a:off x="4464052" y="740835"/>
            <a:ext cx="6911976" cy="1917700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x-none" sz="1867" dirty="0">
                <a:solidFill>
                  <a:srgbClr val="000000"/>
                </a:solidFill>
              </a:rPr>
              <a:t>Content slides are divided into two areas:</a:t>
            </a:r>
          </a:p>
          <a:p>
            <a:pPr>
              <a:lnSpc>
                <a:spcPct val="90000"/>
              </a:lnSpc>
            </a:pPr>
            <a:endParaRPr lang="x-none" sz="1867" dirty="0">
              <a:solidFill>
                <a:srgbClr val="000000"/>
              </a:solidFill>
            </a:endParaRPr>
          </a:p>
          <a:p>
            <a:pPr>
              <a:lnSpc>
                <a:spcPct val="90000"/>
              </a:lnSpc>
            </a:pPr>
            <a:r>
              <a:rPr lang="x-none" sz="1867" b="1" dirty="0">
                <a:solidFill>
                  <a:srgbClr val="000000"/>
                </a:solidFill>
              </a:rPr>
              <a:t>The headline area (orange) </a:t>
            </a:r>
            <a:r>
              <a:rPr lang="x-none" sz="1867" dirty="0">
                <a:solidFill>
                  <a:srgbClr val="000000"/>
                </a:solidFill>
              </a:rPr>
              <a:t>/ </a:t>
            </a:r>
            <a:r>
              <a:rPr lang="x-none" sz="1867" b="1" dirty="0">
                <a:solidFill>
                  <a:srgbClr val="000000"/>
                </a:solidFill>
              </a:rPr>
              <a:t>The content area (green)</a:t>
            </a:r>
          </a:p>
          <a:p>
            <a:pPr>
              <a:lnSpc>
                <a:spcPct val="90000"/>
              </a:lnSpc>
            </a:pPr>
            <a:endParaRPr lang="x-none" sz="1867" b="1" dirty="0">
              <a:solidFill>
                <a:srgbClr val="000000"/>
              </a:solidFill>
            </a:endParaRPr>
          </a:p>
          <a:p>
            <a:pPr>
              <a:lnSpc>
                <a:spcPct val="90000"/>
              </a:lnSpc>
            </a:pPr>
            <a:r>
              <a:rPr lang="x-none" sz="1867" b="1" dirty="0">
                <a:solidFill>
                  <a:srgbClr val="000000"/>
                </a:solidFill>
              </a:rPr>
              <a:t>The red dotted lines shows the layout-grid. </a:t>
            </a:r>
            <a:br>
              <a:rPr lang="x-none" sz="1867" b="1" dirty="0">
                <a:solidFill>
                  <a:srgbClr val="000000"/>
                </a:solidFill>
              </a:rPr>
            </a:br>
            <a:r>
              <a:rPr lang="x-none" sz="1867" dirty="0">
                <a:solidFill>
                  <a:srgbClr val="000000"/>
                </a:solidFill>
              </a:rPr>
              <a:t>This grid helps you to align your content the right way.</a:t>
            </a:r>
          </a:p>
        </p:txBody>
      </p:sp>
      <p:sp>
        <p:nvSpPr>
          <p:cNvPr id="11" name="Title 8"/>
          <p:cNvSpPr txBox="1">
            <a:spLocks/>
          </p:cNvSpPr>
          <p:nvPr userDrawn="1"/>
        </p:nvSpPr>
        <p:spPr bwMode="gray">
          <a:xfrm>
            <a:off x="814917" y="740836"/>
            <a:ext cx="3264000" cy="345651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220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x-none" sz="2933" dirty="0">
                <a:solidFill>
                  <a:srgbClr val="000000"/>
                </a:solidFill>
              </a:rPr>
              <a:t>QUICK GUIDE: </a:t>
            </a:r>
            <a:br>
              <a:rPr lang="x-none" sz="2933" dirty="0">
                <a:solidFill>
                  <a:srgbClr val="000000"/>
                </a:solidFill>
              </a:rPr>
            </a:br>
            <a:r>
              <a:rPr lang="x-none" sz="2933" dirty="0">
                <a:solidFill>
                  <a:srgbClr val="000000"/>
                </a:solidFill>
              </a:rPr>
              <a:t>LAYOUT-GRID</a:t>
            </a:r>
          </a:p>
        </p:txBody>
      </p:sp>
    </p:spTree>
    <p:extLst>
      <p:ext uri="{BB962C8B-B14F-4D97-AF65-F5344CB8AC3E}">
        <p14:creationId xmlns:p14="http://schemas.microsoft.com/office/powerpoint/2010/main" val="2852108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ickGuide: Text layers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 userDrawn="1"/>
        </p:nvSpPr>
        <p:spPr bwMode="gray">
          <a:xfrm>
            <a:off x="814919" y="2660653"/>
            <a:ext cx="3264000" cy="3456515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indent="-609585">
              <a:spcBef>
                <a:spcPts val="800"/>
              </a:spcBef>
              <a:buClr>
                <a:srgbClr val="191D1F"/>
              </a:buClr>
              <a:buSzPct val="90000"/>
              <a:buFont typeface="Wingdings" pitchFamily="2" charset="2"/>
              <a:buNone/>
              <a:defRPr/>
            </a:pPr>
            <a:r>
              <a:rPr lang="x-none" sz="1600" dirty="0">
                <a:solidFill>
                  <a:srgbClr val="000000"/>
                </a:solidFill>
              </a:rPr>
              <a:t>In this template, we pre-formatted different text layers </a:t>
            </a:r>
            <a:br>
              <a:rPr lang="x-none" sz="1600" dirty="0">
                <a:solidFill>
                  <a:srgbClr val="000000"/>
                </a:solidFill>
              </a:rPr>
            </a:br>
            <a:r>
              <a:rPr lang="x-none" sz="1333" dirty="0">
                <a:solidFill>
                  <a:srgbClr val="000000"/>
                </a:solidFill>
              </a:rPr>
              <a:t>(as you can see on the right side)</a:t>
            </a:r>
            <a:r>
              <a:rPr lang="x-none" sz="1600" dirty="0">
                <a:solidFill>
                  <a:srgbClr val="000000"/>
                </a:solidFill>
              </a:rPr>
              <a:t>. </a:t>
            </a:r>
            <a:br>
              <a:rPr lang="x-none" sz="1600" dirty="0">
                <a:solidFill>
                  <a:srgbClr val="000000"/>
                </a:solidFill>
              </a:rPr>
            </a:br>
            <a:br>
              <a:rPr lang="x-none" sz="1600" dirty="0">
                <a:solidFill>
                  <a:srgbClr val="000000"/>
                </a:solidFill>
              </a:rPr>
            </a:br>
            <a:r>
              <a:rPr lang="x-none" sz="1600" dirty="0">
                <a:solidFill>
                  <a:srgbClr val="000000"/>
                </a:solidFill>
              </a:rPr>
              <a:t>You don’t have to generate bullet points manually. </a:t>
            </a:r>
            <a:r>
              <a:rPr lang="x-none" sz="1600" dirty="0">
                <a:solidFill>
                  <a:srgbClr val="FF0000"/>
                </a:solidFill>
              </a:rPr>
              <a:t>By the way: </a:t>
            </a:r>
            <a:r>
              <a:rPr lang="x-none" sz="1600" b="1" dirty="0">
                <a:solidFill>
                  <a:srgbClr val="FF0000"/>
                </a:solidFill>
              </a:rPr>
              <a:t>Please avoid this!</a:t>
            </a:r>
          </a:p>
          <a:p>
            <a:pPr indent="-609585">
              <a:spcBef>
                <a:spcPts val="800"/>
              </a:spcBef>
              <a:buClr>
                <a:srgbClr val="191D1F"/>
              </a:buClr>
              <a:buSzPct val="90000"/>
              <a:buFont typeface="Wingdings" pitchFamily="2" charset="2"/>
              <a:buNone/>
              <a:defRPr/>
            </a:pPr>
            <a:endParaRPr lang="x-none" sz="1600" dirty="0">
              <a:solidFill>
                <a:srgbClr val="191D1F"/>
              </a:solidFill>
            </a:endParaRPr>
          </a:p>
          <a:p>
            <a:pPr indent="-609585">
              <a:spcBef>
                <a:spcPts val="800"/>
              </a:spcBef>
              <a:buClr>
                <a:srgbClr val="191D1F"/>
              </a:buClr>
              <a:buSzPct val="90000"/>
              <a:buFont typeface="Wingdings" pitchFamily="2" charset="2"/>
              <a:buNone/>
              <a:defRPr/>
            </a:pPr>
            <a:r>
              <a:rPr lang="x-none" sz="1600" dirty="0">
                <a:solidFill>
                  <a:srgbClr val="000000"/>
                </a:solidFill>
              </a:rPr>
              <a:t>To change from one text layer to the next, use the </a:t>
            </a:r>
            <a:r>
              <a:rPr lang="x-none" sz="1600" b="1" dirty="0" err="1">
                <a:solidFill>
                  <a:srgbClr val="000000"/>
                </a:solidFill>
              </a:rPr>
              <a:t>Increase</a:t>
            </a:r>
            <a:r>
              <a:rPr lang="x-none" sz="1600" b="1" dirty="0">
                <a:solidFill>
                  <a:srgbClr val="000000"/>
                </a:solidFill>
              </a:rPr>
              <a:t> / </a:t>
            </a:r>
            <a:r>
              <a:rPr lang="x-none" sz="1600" b="1" dirty="0" err="1">
                <a:solidFill>
                  <a:srgbClr val="000000"/>
                </a:solidFill>
              </a:rPr>
              <a:t>Decrease</a:t>
            </a:r>
            <a:r>
              <a:rPr lang="x-none" sz="1600" b="1" dirty="0">
                <a:solidFill>
                  <a:srgbClr val="000000"/>
                </a:solidFill>
              </a:rPr>
              <a:t> List Level </a:t>
            </a:r>
            <a:r>
              <a:rPr lang="x-none" sz="1600" b="1" dirty="0" err="1">
                <a:solidFill>
                  <a:srgbClr val="000000"/>
                </a:solidFill>
              </a:rPr>
              <a:t>buttons</a:t>
            </a:r>
            <a:r>
              <a:rPr lang="x-none" sz="1600" b="1" dirty="0">
                <a:solidFill>
                  <a:srgbClr val="000000"/>
                </a:solidFill>
              </a:rPr>
              <a:t>:</a:t>
            </a:r>
            <a:endParaRPr lang="x-none" sz="1600" dirty="0">
              <a:solidFill>
                <a:srgbClr val="000000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8F8C1F3A-F116-4B68-BB69-18465FE0FCD3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13" name="Title 8"/>
          <p:cNvSpPr txBox="1">
            <a:spLocks/>
          </p:cNvSpPr>
          <p:nvPr userDrawn="1"/>
        </p:nvSpPr>
        <p:spPr bwMode="gray">
          <a:xfrm>
            <a:off x="814917" y="740835"/>
            <a:ext cx="3264000" cy="15367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220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x-none" sz="2933" dirty="0">
                <a:solidFill>
                  <a:srgbClr val="000000"/>
                </a:solidFill>
              </a:rPr>
              <a:t>QUICK GUIDE: </a:t>
            </a:r>
            <a:br>
              <a:rPr lang="x-none" sz="2933" dirty="0">
                <a:solidFill>
                  <a:srgbClr val="000000"/>
                </a:solidFill>
              </a:rPr>
            </a:br>
            <a:r>
              <a:rPr lang="x-none" sz="2933" dirty="0">
                <a:solidFill>
                  <a:srgbClr val="000000"/>
                </a:solidFill>
              </a:rPr>
              <a:t>TEXT LAYERS</a:t>
            </a:r>
          </a:p>
        </p:txBody>
      </p:sp>
      <p:pic>
        <p:nvPicPr>
          <p:cNvPr id="4098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67497" y="4192808"/>
            <a:ext cx="6909593" cy="187648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4" name="Picture 2" descr="capture_29072011_133706.jpg"/>
          <p:cNvPicPr>
            <a:picLocks noChangeAspect="1" noChangeArrowheads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gray">
          <a:xfrm>
            <a:off x="2968791" y="5532228"/>
            <a:ext cx="685801" cy="448733"/>
          </a:xfrm>
          <a:prstGeom prst="rect">
            <a:avLst/>
          </a:prstGeom>
          <a:noFill/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/>
          <p:cNvSpPr/>
          <p:nvPr userDrawn="1"/>
        </p:nvSpPr>
        <p:spPr bwMode="gray">
          <a:xfrm>
            <a:off x="2887268" y="5478388"/>
            <a:ext cx="855592" cy="566461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sp>
        <p:nvSpPr>
          <p:cNvPr id="11" name="Rectangle 10"/>
          <p:cNvSpPr/>
          <p:nvPr userDrawn="1"/>
        </p:nvSpPr>
        <p:spPr bwMode="gray">
          <a:xfrm>
            <a:off x="8804224" y="4495151"/>
            <a:ext cx="446349" cy="259528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sp>
        <p:nvSpPr>
          <p:cNvPr id="12" name="Rectangle 11"/>
          <p:cNvSpPr/>
          <p:nvPr userDrawn="1"/>
        </p:nvSpPr>
        <p:spPr bwMode="gray">
          <a:xfrm>
            <a:off x="4626545" y="4239375"/>
            <a:ext cx="471928" cy="259528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cxnSp>
        <p:nvCxnSpPr>
          <p:cNvPr id="7" name="Elbow Connector 6"/>
          <p:cNvCxnSpPr>
            <a:stCxn id="12" idx="3"/>
            <a:endCxn id="11" idx="0"/>
          </p:cNvCxnSpPr>
          <p:nvPr userDrawn="1"/>
        </p:nvCxnSpPr>
        <p:spPr bwMode="gray">
          <a:xfrm>
            <a:off x="5098474" y="4369139"/>
            <a:ext cx="3928925" cy="126012"/>
          </a:xfrm>
          <a:prstGeom prst="bentConnector2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Elbow Connector 14"/>
          <p:cNvCxnSpPr>
            <a:stCxn id="11" idx="2"/>
            <a:endCxn id="10" idx="3"/>
          </p:cNvCxnSpPr>
          <p:nvPr userDrawn="1"/>
        </p:nvCxnSpPr>
        <p:spPr bwMode="gray">
          <a:xfrm rot="5400000">
            <a:off x="5881670" y="2615877"/>
            <a:ext cx="1006937" cy="5284539"/>
          </a:xfrm>
          <a:prstGeom prst="bentConnector2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4464060" y="740836"/>
            <a:ext cx="6913033" cy="3456517"/>
          </a:xfrm>
        </p:spPr>
        <p:txBody>
          <a:bodyPr/>
          <a:lstStyle>
            <a:lvl1pPr marL="0" marR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91D1F"/>
              </a:buClr>
              <a:buSzPct val="90000"/>
              <a:buFont typeface="Arial" pitchFamily="34" charset="0"/>
              <a:buNone/>
              <a:tabLst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buAutoNum type="arabicPeriod"/>
              <a:defRPr/>
            </a:lvl5pPr>
            <a:lvl6pPr marL="0" marR="0" indent="0" algn="l" defTabSz="1219170" rtl="0" eaLnBrk="1" fontAlgn="auto" latinLnBrk="0" hangingPunct="1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chemeClr val="accent1"/>
              </a:buClr>
              <a:buSzPct val="90000"/>
              <a:buFont typeface="Wingdings" pitchFamily="2" charset="2"/>
              <a:buNone/>
              <a:tabLst/>
              <a:defRPr>
                <a:solidFill>
                  <a:schemeClr val="accent1"/>
                </a:solidFill>
              </a:defRPr>
            </a:lvl6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191D1F"/>
              </a:buClr>
              <a:buSzPct val="90000"/>
              <a:buFont typeface="Arial" pitchFamily="34" charset="0"/>
              <a:buNone/>
              <a:tabLst/>
              <a:defRPr/>
            </a:pP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First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text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ayer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for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running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text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 </a:t>
            </a:r>
            <a:b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</a:b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lease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highlight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your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text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anually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and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hoose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between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black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or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brand</a:t>
            </a:r>
            <a:r>
              <a:rPr kumimoji="0" lang="x-none" sz="1867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1" i="0" u="none" strike="noStrike" kern="1200" cap="none" spc="0" normalizeH="0" baseline="0" noProof="0" dirty="0" err="1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olour</a:t>
            </a:r>
            <a:endParaRPr kumimoji="0" lang="x-none" sz="1867" b="1" i="0" u="none" strike="noStrike" kern="1200" cap="none" spc="0" normalizeH="0" baseline="0" noProof="0" dirty="0">
              <a:ln>
                <a:noFill/>
              </a:ln>
              <a:solidFill>
                <a:schemeClr val="accent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  <a:p>
            <a:pPr lvl="1"/>
            <a:r>
              <a:rPr lang="x-none" dirty="0"/>
              <a:t>Second level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ayer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for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bullet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oints</a:t>
            </a:r>
            <a:endParaRPr lang="x-none" dirty="0"/>
          </a:p>
          <a:p>
            <a:pPr lvl="2"/>
            <a:r>
              <a:rPr lang="x-none" dirty="0"/>
              <a:t>Third level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ayer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for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bullet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191D1F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oints</a:t>
            </a:r>
            <a:endParaRPr lang="x-none" dirty="0"/>
          </a:p>
          <a:p>
            <a:pPr lvl="3"/>
            <a:r>
              <a:rPr lang="x-none" dirty="0"/>
              <a:t>Fourth level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for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numberings</a:t>
            </a:r>
            <a:endParaRPr lang="x-none" dirty="0"/>
          </a:p>
          <a:p>
            <a:pPr lvl="4"/>
            <a:r>
              <a:rPr lang="x-none" dirty="0"/>
              <a:t>Fifth level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for</a:t>
            </a:r>
            <a:r>
              <a:rPr kumimoji="0" lang="x-none" sz="1867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1867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numberings</a:t>
            </a:r>
            <a:endParaRPr kumimoji="0" lang="x-none" sz="1867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  <a:p>
            <a:pPr marL="0" marR="0" lvl="5" indent="0" algn="l" defTabSz="1219170" rtl="0" eaLnBrk="1" fontAlgn="auto" latinLnBrk="0" hangingPunct="1">
              <a:lnSpc>
                <a:spcPct val="90000"/>
              </a:lnSpc>
              <a:spcBef>
                <a:spcPts val="800"/>
              </a:spcBef>
              <a:spcAft>
                <a:spcPts val="0"/>
              </a:spcAft>
              <a:buClr>
                <a:schemeClr val="accent1"/>
              </a:buClr>
              <a:buSzPct val="90000"/>
              <a:buFont typeface="Wingdings" pitchFamily="2" charset="2"/>
              <a:buNone/>
              <a:tabLst/>
              <a:defRPr/>
            </a:pPr>
            <a:r>
              <a:rPr kumimoji="0" lang="x-none" sz="3200" b="0" i="0" u="none" strike="noStrike" kern="1200" cap="none" spc="0" normalizeH="0" baseline="0" noProof="0" dirty="0" err="1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Sixth</a:t>
            </a:r>
            <a:r>
              <a:rPr kumimoji="0" lang="x-none" sz="3200" b="0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3200" b="0" i="0" u="none" strike="noStrike" kern="1200" cap="none" spc="0" normalizeH="0" baseline="0" noProof="0" dirty="0" err="1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text</a:t>
            </a:r>
            <a:r>
              <a:rPr kumimoji="0" lang="x-none" sz="3200" b="0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3200" b="0" i="0" u="none" strike="noStrike" kern="1200" cap="none" spc="0" normalizeH="0" baseline="0" noProof="0" dirty="0" err="1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ayer</a:t>
            </a:r>
            <a:r>
              <a:rPr kumimoji="0" lang="x-none" sz="3200" b="0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3200" b="0" i="0" u="none" strike="noStrike" kern="1200" cap="none" spc="0" normalizeH="0" baseline="0" noProof="0" dirty="0" err="1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for</a:t>
            </a:r>
            <a:r>
              <a:rPr kumimoji="0" lang="x-none" sz="3200" b="0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3200" b="0" i="0" u="none" strike="noStrike" kern="1200" cap="none" spc="0" normalizeH="0" baseline="0" noProof="0" dirty="0" err="1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ore</a:t>
            </a:r>
            <a:r>
              <a:rPr kumimoji="0" lang="x-none" sz="3200" b="0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x-none" sz="3200" b="0" i="0" u="none" strike="noStrike" kern="1200" cap="none" spc="0" normalizeH="0" baseline="0" noProof="0" dirty="0" err="1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essage</a:t>
            </a:r>
            <a:endParaRPr kumimoji="0" lang="x-none" sz="3200" b="0" i="0" u="none" strike="noStrike" kern="1200" cap="none" spc="0" normalizeH="0" baseline="0" noProof="0" dirty="0">
              <a:ln>
                <a:noFill/>
              </a:ln>
              <a:solidFill>
                <a:schemeClr val="accent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02842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ickGuide: Layouts and Guide Lines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7" name="Picture 3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63004" y="740852"/>
            <a:ext cx="6884217" cy="52324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4025F65D-ED5A-4C2E-85FC-AA6D74FBEB72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22" name="TextBox 21"/>
          <p:cNvSpPr txBox="1"/>
          <p:nvPr userDrawn="1"/>
        </p:nvSpPr>
        <p:spPr bwMode="gray">
          <a:xfrm>
            <a:off x="814929" y="2660653"/>
            <a:ext cx="3263900" cy="3456515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x-none" sz="1867" b="1" dirty="0">
                <a:solidFill>
                  <a:srgbClr val="000000"/>
                </a:solidFill>
              </a:rPr>
              <a:t>Drawing </a:t>
            </a:r>
            <a:r>
              <a:rPr lang="x-none" sz="1867" b="1" dirty="0" err="1">
                <a:solidFill>
                  <a:srgbClr val="000000"/>
                </a:solidFill>
              </a:rPr>
              <a:t>guides</a:t>
            </a:r>
            <a:r>
              <a:rPr lang="x-none" sz="1867" b="1" dirty="0">
                <a:solidFill>
                  <a:srgbClr val="000000"/>
                </a:solidFill>
              </a:rPr>
              <a:t>:</a:t>
            </a:r>
          </a:p>
          <a:p>
            <a:pPr>
              <a:lnSpc>
                <a:spcPct val="90000"/>
              </a:lnSpc>
            </a:pPr>
            <a:r>
              <a:rPr lang="x-none" sz="1867" dirty="0" err="1">
                <a:solidFill>
                  <a:srgbClr val="000000"/>
                </a:solidFill>
              </a:rPr>
              <a:t>You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can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enabl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your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guide-lines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to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align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objects</a:t>
            </a:r>
            <a:r>
              <a:rPr lang="x-none" sz="1867" dirty="0">
                <a:solidFill>
                  <a:srgbClr val="000000"/>
                </a:solidFill>
              </a:rPr>
              <a:t> on </a:t>
            </a:r>
            <a:br>
              <a:rPr lang="x-none" sz="1867" dirty="0">
                <a:solidFill>
                  <a:srgbClr val="000000"/>
                </a:solidFill>
              </a:rPr>
            </a:br>
            <a:r>
              <a:rPr lang="x-none" sz="1867" dirty="0" err="1">
                <a:solidFill>
                  <a:srgbClr val="000000"/>
                </a:solidFill>
              </a:rPr>
              <a:t>th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slide</a:t>
            </a:r>
            <a:r>
              <a:rPr lang="x-none" sz="1867" dirty="0">
                <a:solidFill>
                  <a:srgbClr val="000000"/>
                </a:solidFill>
              </a:rPr>
              <a:t> (</a:t>
            </a:r>
            <a:r>
              <a:rPr lang="x-none" sz="1867" b="1" i="1" dirty="0">
                <a:solidFill>
                  <a:srgbClr val="000000"/>
                </a:solidFill>
              </a:rPr>
              <a:t>View</a:t>
            </a:r>
            <a:r>
              <a:rPr lang="x-none" sz="1867" dirty="0">
                <a:solidFill>
                  <a:srgbClr val="000000"/>
                </a:solidFill>
              </a:rPr>
              <a:t> | </a:t>
            </a:r>
            <a:r>
              <a:rPr lang="x-none" sz="1867" b="1" i="1" dirty="0">
                <a:solidFill>
                  <a:srgbClr val="000000"/>
                </a:solidFill>
              </a:rPr>
              <a:t>Show</a:t>
            </a:r>
            <a:r>
              <a:rPr lang="x-none" sz="1867" dirty="0">
                <a:solidFill>
                  <a:srgbClr val="000000"/>
                </a:solidFill>
              </a:rPr>
              <a:t> | </a:t>
            </a:r>
            <a:r>
              <a:rPr lang="x-none" sz="1867" b="1" i="1" dirty="0">
                <a:solidFill>
                  <a:srgbClr val="000000"/>
                </a:solidFill>
              </a:rPr>
              <a:t>Select</a:t>
            </a:r>
            <a:r>
              <a:rPr lang="x-none" sz="1867" b="1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th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option</a:t>
            </a:r>
            <a:r>
              <a:rPr lang="x-none" sz="1867" dirty="0">
                <a:solidFill>
                  <a:srgbClr val="000000"/>
                </a:solidFill>
              </a:rPr>
              <a:t> „</a:t>
            </a:r>
            <a:r>
              <a:rPr lang="x-none" sz="1867" b="1" i="1" dirty="0">
                <a:solidFill>
                  <a:srgbClr val="000000"/>
                </a:solidFill>
              </a:rPr>
              <a:t>Guides</a:t>
            </a:r>
            <a:r>
              <a:rPr lang="x-none" sz="1867" dirty="0">
                <a:solidFill>
                  <a:srgbClr val="000000"/>
                </a:solidFill>
              </a:rPr>
              <a:t>“)</a:t>
            </a:r>
          </a:p>
          <a:p>
            <a:pPr>
              <a:lnSpc>
                <a:spcPct val="90000"/>
              </a:lnSpc>
            </a:pPr>
            <a:endParaRPr lang="x-none" sz="1867" dirty="0">
              <a:solidFill>
                <a:srgbClr val="000000"/>
              </a:solidFill>
            </a:endParaRPr>
          </a:p>
          <a:p>
            <a:pPr>
              <a:lnSpc>
                <a:spcPct val="90000"/>
              </a:lnSpc>
            </a:pPr>
            <a:r>
              <a:rPr lang="x-none" sz="1867" dirty="0" err="1">
                <a:solidFill>
                  <a:srgbClr val="000000"/>
                </a:solidFill>
              </a:rPr>
              <a:t>Or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hit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th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right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mous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button</a:t>
            </a:r>
            <a:r>
              <a:rPr lang="x-none" sz="1867" dirty="0">
                <a:solidFill>
                  <a:srgbClr val="000000"/>
                </a:solidFill>
              </a:rPr>
              <a:t> outside </a:t>
            </a:r>
            <a:r>
              <a:rPr lang="x-none" sz="1867" dirty="0" err="1">
                <a:solidFill>
                  <a:srgbClr val="000000"/>
                </a:solidFill>
              </a:rPr>
              <a:t>th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slid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and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go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at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b="1" i="1" dirty="0">
                <a:solidFill>
                  <a:srgbClr val="000000"/>
                </a:solidFill>
              </a:rPr>
              <a:t>„</a:t>
            </a:r>
            <a:r>
              <a:rPr lang="x-none" sz="1867" b="1" i="1" dirty="0" err="1">
                <a:solidFill>
                  <a:srgbClr val="000000"/>
                </a:solidFill>
              </a:rPr>
              <a:t>Grid</a:t>
            </a:r>
            <a:r>
              <a:rPr lang="x-none" sz="1867" b="1" i="1" dirty="0">
                <a:solidFill>
                  <a:srgbClr val="000000"/>
                </a:solidFill>
              </a:rPr>
              <a:t> </a:t>
            </a:r>
            <a:r>
              <a:rPr lang="x-none" sz="1867" b="1" i="1" dirty="0" err="1">
                <a:solidFill>
                  <a:srgbClr val="000000"/>
                </a:solidFill>
              </a:rPr>
              <a:t>and</a:t>
            </a:r>
            <a:r>
              <a:rPr lang="x-none" sz="1867" b="1" i="1" dirty="0">
                <a:solidFill>
                  <a:srgbClr val="000000"/>
                </a:solidFill>
              </a:rPr>
              <a:t> Guides…“</a:t>
            </a:r>
          </a:p>
          <a:p>
            <a:pPr>
              <a:lnSpc>
                <a:spcPct val="90000"/>
              </a:lnSpc>
            </a:pPr>
            <a:endParaRPr lang="x-none" sz="1867" b="1" i="1" dirty="0">
              <a:solidFill>
                <a:srgbClr val="000000"/>
              </a:solidFill>
            </a:endParaRPr>
          </a:p>
          <a:p>
            <a:pPr>
              <a:lnSpc>
                <a:spcPct val="90000"/>
              </a:lnSpc>
            </a:pPr>
            <a:endParaRPr lang="x-none" sz="1867" b="1" i="1" dirty="0">
              <a:solidFill>
                <a:srgbClr val="000000"/>
              </a:solidFill>
            </a:endParaRPr>
          </a:p>
        </p:txBody>
      </p:sp>
      <p:sp>
        <p:nvSpPr>
          <p:cNvPr id="29" name="Title 8"/>
          <p:cNvSpPr txBox="1">
            <a:spLocks/>
          </p:cNvSpPr>
          <p:nvPr userDrawn="1"/>
        </p:nvSpPr>
        <p:spPr bwMode="gray">
          <a:xfrm>
            <a:off x="814917" y="740835"/>
            <a:ext cx="3264000" cy="15367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220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x-none" sz="2933" dirty="0">
                <a:solidFill>
                  <a:srgbClr val="000000"/>
                </a:solidFill>
              </a:rPr>
              <a:t>QUICK GUIDE: </a:t>
            </a:r>
            <a:br>
              <a:rPr lang="x-none" sz="2933" dirty="0">
                <a:solidFill>
                  <a:srgbClr val="000000"/>
                </a:solidFill>
              </a:rPr>
            </a:br>
            <a:r>
              <a:rPr lang="x-none" sz="2933" dirty="0">
                <a:solidFill>
                  <a:srgbClr val="000000"/>
                </a:solidFill>
              </a:rPr>
              <a:t>DRAWING GUIDES</a:t>
            </a:r>
          </a:p>
        </p:txBody>
      </p:sp>
      <p:pic>
        <p:nvPicPr>
          <p:cNvPr id="1028" name="Picture 4"/>
          <p:cNvPicPr>
            <a:picLocks noChangeAspect="1" noChangeArrowheads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928316" y="3779425"/>
            <a:ext cx="2455089" cy="2337751"/>
          </a:xfrm>
          <a:prstGeom prst="rect">
            <a:avLst/>
          </a:prstGeom>
          <a:noFill/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6" name="Rectangle 25"/>
          <p:cNvSpPr/>
          <p:nvPr userDrawn="1"/>
        </p:nvSpPr>
        <p:spPr bwMode="gray">
          <a:xfrm>
            <a:off x="9067176" y="5397235"/>
            <a:ext cx="1733347" cy="179919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sp>
        <p:nvSpPr>
          <p:cNvPr id="17" name="Rectangle 16"/>
          <p:cNvSpPr/>
          <p:nvPr userDrawn="1"/>
        </p:nvSpPr>
        <p:spPr bwMode="gray">
          <a:xfrm>
            <a:off x="7009785" y="3636155"/>
            <a:ext cx="690657" cy="123049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cxnSp>
        <p:nvCxnSpPr>
          <p:cNvPr id="3" name="Elbow Connector 2"/>
          <p:cNvCxnSpPr>
            <a:stCxn id="17" idx="3"/>
            <a:endCxn id="26" idx="1"/>
          </p:cNvCxnSpPr>
          <p:nvPr userDrawn="1"/>
        </p:nvCxnSpPr>
        <p:spPr bwMode="gray">
          <a:xfrm>
            <a:off x="7700464" y="3697676"/>
            <a:ext cx="1366743" cy="1789501"/>
          </a:xfrm>
          <a:prstGeom prst="bentConnector3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 24"/>
          <p:cNvSpPr/>
          <p:nvPr userDrawn="1"/>
        </p:nvSpPr>
        <p:spPr bwMode="gray">
          <a:xfrm>
            <a:off x="9067176" y="4224868"/>
            <a:ext cx="1733347" cy="344736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cxnSp>
        <p:nvCxnSpPr>
          <p:cNvPr id="10" name="Elbow Connector 9"/>
          <p:cNvCxnSpPr>
            <a:stCxn id="17" idx="3"/>
            <a:endCxn id="25" idx="1"/>
          </p:cNvCxnSpPr>
          <p:nvPr userDrawn="1"/>
        </p:nvCxnSpPr>
        <p:spPr bwMode="gray">
          <a:xfrm>
            <a:off x="7700464" y="3697676"/>
            <a:ext cx="1366743" cy="699560"/>
          </a:xfrm>
          <a:prstGeom prst="bentConnector3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Rectangle 26"/>
          <p:cNvSpPr/>
          <p:nvPr userDrawn="1"/>
        </p:nvSpPr>
        <p:spPr bwMode="gray">
          <a:xfrm>
            <a:off x="9477831" y="4792135"/>
            <a:ext cx="1082687" cy="232832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cxnSp>
        <p:nvCxnSpPr>
          <p:cNvPr id="14" name="Elbow Connector 13"/>
          <p:cNvCxnSpPr>
            <a:stCxn id="17" idx="3"/>
          </p:cNvCxnSpPr>
          <p:nvPr userDrawn="1"/>
        </p:nvCxnSpPr>
        <p:spPr bwMode="gray">
          <a:xfrm>
            <a:off x="7700433" y="3697694"/>
            <a:ext cx="1777376" cy="1219489"/>
          </a:xfrm>
          <a:prstGeom prst="bentConnector3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936813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ickGuide: Layouts and Guide Lines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467E4CFF-449C-40B6-B738-7F7866B1BC7B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23" name="TextBox 22"/>
          <p:cNvSpPr txBox="1"/>
          <p:nvPr userDrawn="1"/>
        </p:nvSpPr>
        <p:spPr bwMode="gray">
          <a:xfrm>
            <a:off x="814919" y="2660653"/>
            <a:ext cx="3264000" cy="3456515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x-none" sz="1867" b="1" dirty="0">
                <a:solidFill>
                  <a:srgbClr val="000000"/>
                </a:solidFill>
              </a:rPr>
              <a:t>Slide </a:t>
            </a:r>
            <a:r>
              <a:rPr lang="x-none" sz="1867" b="1" dirty="0" err="1">
                <a:solidFill>
                  <a:srgbClr val="000000"/>
                </a:solidFill>
              </a:rPr>
              <a:t>layouts</a:t>
            </a:r>
            <a:r>
              <a:rPr lang="x-none" sz="1867" b="1" dirty="0">
                <a:solidFill>
                  <a:srgbClr val="000000"/>
                </a:solidFill>
              </a:rPr>
              <a:t>:</a:t>
            </a:r>
          </a:p>
          <a:p>
            <a:pPr>
              <a:lnSpc>
                <a:spcPct val="90000"/>
              </a:lnSpc>
            </a:pPr>
            <a:r>
              <a:rPr lang="x-none" sz="1867" dirty="0" err="1">
                <a:solidFill>
                  <a:srgbClr val="000000"/>
                </a:solidFill>
              </a:rPr>
              <a:t>You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can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choos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between</a:t>
            </a:r>
            <a:r>
              <a:rPr lang="x-none" sz="1867" dirty="0">
                <a:solidFill>
                  <a:srgbClr val="000000"/>
                </a:solidFill>
              </a:rPr>
              <a:t> different </a:t>
            </a:r>
            <a:r>
              <a:rPr lang="x-none" sz="1867" dirty="0" err="1">
                <a:solidFill>
                  <a:srgbClr val="000000"/>
                </a:solidFill>
              </a:rPr>
              <a:t>slide</a:t>
            </a:r>
            <a:r>
              <a:rPr lang="x-none" sz="1867" dirty="0">
                <a:solidFill>
                  <a:srgbClr val="000000"/>
                </a:solidFill>
              </a:rPr>
              <a:t>-layouts. </a:t>
            </a:r>
            <a:br>
              <a:rPr lang="x-none" sz="1867" dirty="0">
                <a:solidFill>
                  <a:srgbClr val="000000"/>
                </a:solidFill>
              </a:rPr>
            </a:br>
            <a:r>
              <a:rPr lang="x-none" sz="1867" dirty="0">
                <a:solidFill>
                  <a:srgbClr val="000000"/>
                </a:solidFill>
              </a:rPr>
              <a:t>These </a:t>
            </a:r>
            <a:r>
              <a:rPr lang="x-none" sz="1867" dirty="0" err="1">
                <a:solidFill>
                  <a:srgbClr val="000000"/>
                </a:solidFill>
              </a:rPr>
              <a:t>pre-defined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layouts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gives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you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th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oportunity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to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us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text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and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visualisations</a:t>
            </a:r>
            <a:r>
              <a:rPr lang="x-none" sz="1867" dirty="0">
                <a:solidFill>
                  <a:srgbClr val="000000"/>
                </a:solidFill>
              </a:rPr>
              <a:t> just </a:t>
            </a:r>
            <a:r>
              <a:rPr lang="x-none" sz="1867" dirty="0" err="1">
                <a:solidFill>
                  <a:srgbClr val="000000"/>
                </a:solidFill>
              </a:rPr>
              <a:t>th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right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way</a:t>
            </a:r>
            <a:r>
              <a:rPr lang="x-none" sz="1867" dirty="0">
                <a:solidFill>
                  <a:srgbClr val="000000"/>
                </a:solidFill>
              </a:rPr>
              <a:t>.</a:t>
            </a:r>
          </a:p>
          <a:p>
            <a:pPr>
              <a:lnSpc>
                <a:spcPct val="90000"/>
              </a:lnSpc>
            </a:pPr>
            <a:endParaRPr lang="x-none" sz="1867" dirty="0">
              <a:solidFill>
                <a:srgbClr val="000000"/>
              </a:solidFill>
            </a:endParaRPr>
          </a:p>
          <a:p>
            <a:pPr>
              <a:lnSpc>
                <a:spcPct val="90000"/>
              </a:lnSpc>
            </a:pPr>
            <a:r>
              <a:rPr lang="x-none" sz="1867" b="1" dirty="0" err="1">
                <a:solidFill>
                  <a:srgbClr val="000000"/>
                </a:solidFill>
              </a:rPr>
              <a:t>To</a:t>
            </a:r>
            <a:r>
              <a:rPr lang="x-none" sz="1867" b="1" dirty="0">
                <a:solidFill>
                  <a:srgbClr val="000000"/>
                </a:solidFill>
              </a:rPr>
              <a:t> </a:t>
            </a:r>
            <a:r>
              <a:rPr lang="x-none" sz="1867" b="1" dirty="0" err="1">
                <a:solidFill>
                  <a:srgbClr val="000000"/>
                </a:solidFill>
              </a:rPr>
              <a:t>use</a:t>
            </a:r>
            <a:r>
              <a:rPr lang="x-none" sz="1867" b="1" dirty="0">
                <a:solidFill>
                  <a:srgbClr val="000000"/>
                </a:solidFill>
              </a:rPr>
              <a:t> </a:t>
            </a:r>
            <a:r>
              <a:rPr lang="x-none" sz="1867" b="1" dirty="0" err="1">
                <a:solidFill>
                  <a:srgbClr val="000000"/>
                </a:solidFill>
              </a:rPr>
              <a:t>these</a:t>
            </a:r>
            <a:r>
              <a:rPr lang="x-none" sz="1867" b="1" dirty="0">
                <a:solidFill>
                  <a:srgbClr val="000000"/>
                </a:solidFill>
              </a:rPr>
              <a:t> </a:t>
            </a:r>
            <a:r>
              <a:rPr lang="x-none" sz="1867" b="1" dirty="0" err="1">
                <a:solidFill>
                  <a:srgbClr val="000000"/>
                </a:solidFill>
              </a:rPr>
              <a:t>layouts</a:t>
            </a:r>
            <a:r>
              <a:rPr lang="x-none" sz="1867" b="1" dirty="0">
                <a:solidFill>
                  <a:srgbClr val="000000"/>
                </a:solidFill>
              </a:rPr>
              <a:t>:</a:t>
            </a:r>
          </a:p>
          <a:p>
            <a:pPr>
              <a:lnSpc>
                <a:spcPct val="90000"/>
              </a:lnSpc>
            </a:pPr>
            <a:r>
              <a:rPr lang="x-none" sz="1867" dirty="0">
                <a:solidFill>
                  <a:srgbClr val="000000"/>
                </a:solidFill>
              </a:rPr>
              <a:t>Click on </a:t>
            </a:r>
            <a:r>
              <a:rPr lang="x-none" sz="1867" dirty="0" err="1">
                <a:solidFill>
                  <a:srgbClr val="000000"/>
                </a:solidFill>
              </a:rPr>
              <a:t>th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b="1" i="1" dirty="0">
                <a:solidFill>
                  <a:srgbClr val="000000"/>
                </a:solidFill>
              </a:rPr>
              <a:t>Home-</a:t>
            </a:r>
            <a:r>
              <a:rPr lang="x-none" sz="1867" b="1" i="1" dirty="0" err="1">
                <a:solidFill>
                  <a:srgbClr val="000000"/>
                </a:solidFill>
              </a:rPr>
              <a:t>tab</a:t>
            </a:r>
            <a:r>
              <a:rPr lang="x-none" sz="1867" b="1" i="1" dirty="0">
                <a:solidFill>
                  <a:srgbClr val="000000"/>
                </a:solidFill>
              </a:rPr>
              <a:t> </a:t>
            </a:r>
            <a:r>
              <a:rPr lang="x-none" sz="1867" dirty="0">
                <a:solidFill>
                  <a:srgbClr val="000000"/>
                </a:solidFill>
              </a:rPr>
              <a:t>| </a:t>
            </a:r>
            <a:r>
              <a:rPr lang="x-none" sz="1867" b="1" dirty="0">
                <a:solidFill>
                  <a:srgbClr val="000000"/>
                </a:solidFill>
              </a:rPr>
              <a:t>New Slide </a:t>
            </a:r>
            <a:r>
              <a:rPr lang="x-none" sz="1867" b="1" dirty="0" err="1">
                <a:solidFill>
                  <a:srgbClr val="000000"/>
                </a:solidFill>
              </a:rPr>
              <a:t>or</a:t>
            </a:r>
            <a:r>
              <a:rPr lang="x-none" sz="1867" b="1" dirty="0">
                <a:solidFill>
                  <a:srgbClr val="000000"/>
                </a:solidFill>
              </a:rPr>
              <a:t> Layout </a:t>
            </a:r>
            <a:r>
              <a:rPr lang="x-none" sz="1867" dirty="0">
                <a:solidFill>
                  <a:srgbClr val="000000"/>
                </a:solidFill>
              </a:rPr>
              <a:t>| </a:t>
            </a:r>
            <a:r>
              <a:rPr lang="x-none" sz="1867" dirty="0" err="1">
                <a:solidFill>
                  <a:srgbClr val="000000"/>
                </a:solidFill>
              </a:rPr>
              <a:t>and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choos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one</a:t>
            </a:r>
            <a:r>
              <a:rPr lang="x-none" sz="1867" dirty="0">
                <a:solidFill>
                  <a:srgbClr val="000000"/>
                </a:solidFill>
              </a:rPr>
              <a:t> out </a:t>
            </a:r>
            <a:r>
              <a:rPr lang="x-none" sz="1867" dirty="0" err="1">
                <a:solidFill>
                  <a:srgbClr val="000000"/>
                </a:solidFill>
              </a:rPr>
              <a:t>of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th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layouts</a:t>
            </a:r>
            <a:endParaRPr lang="x-none" sz="1867" dirty="0">
              <a:solidFill>
                <a:srgbClr val="000000"/>
              </a:solidFill>
            </a:endParaRPr>
          </a:p>
        </p:txBody>
      </p:sp>
      <p:sp>
        <p:nvSpPr>
          <p:cNvPr id="29" name="Title 8"/>
          <p:cNvSpPr txBox="1">
            <a:spLocks/>
          </p:cNvSpPr>
          <p:nvPr userDrawn="1"/>
        </p:nvSpPr>
        <p:spPr bwMode="gray">
          <a:xfrm>
            <a:off x="814917" y="740835"/>
            <a:ext cx="3264000" cy="15367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220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x-none" sz="2933" dirty="0">
                <a:solidFill>
                  <a:srgbClr val="000000"/>
                </a:solidFill>
              </a:rPr>
              <a:t>QUICK GUIDE: </a:t>
            </a:r>
            <a:br>
              <a:rPr lang="x-none" sz="2933" dirty="0">
                <a:solidFill>
                  <a:srgbClr val="000000"/>
                </a:solidFill>
              </a:rPr>
            </a:br>
            <a:r>
              <a:rPr lang="x-none" sz="2933" dirty="0">
                <a:solidFill>
                  <a:srgbClr val="000000"/>
                </a:solidFill>
              </a:rPr>
              <a:t>LAYOUTS</a:t>
            </a:r>
          </a:p>
        </p:txBody>
      </p:sp>
      <p:pic>
        <p:nvPicPr>
          <p:cNvPr id="2052" name="Picture 4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62998" y="2352373"/>
            <a:ext cx="6914092" cy="376479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6392671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QuickGuide: Layouts and Guide Lines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03F6D392-BFFB-4803-A13C-A5411F774AEC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24" name="TextBox 23"/>
          <p:cNvSpPr txBox="1"/>
          <p:nvPr userDrawn="1"/>
        </p:nvSpPr>
        <p:spPr bwMode="gray">
          <a:xfrm>
            <a:off x="814919" y="2660653"/>
            <a:ext cx="3264000" cy="3456515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x-none" sz="1867" b="1" dirty="0" err="1">
                <a:solidFill>
                  <a:srgbClr val="000000"/>
                </a:solidFill>
              </a:rPr>
              <a:t>Footer</a:t>
            </a:r>
            <a:r>
              <a:rPr lang="x-none" sz="1867" b="1" dirty="0">
                <a:solidFill>
                  <a:srgbClr val="000000"/>
                </a:solidFill>
              </a:rPr>
              <a:t>:</a:t>
            </a:r>
          </a:p>
          <a:p>
            <a:pPr>
              <a:lnSpc>
                <a:spcPct val="90000"/>
              </a:lnSpc>
            </a:pPr>
            <a:r>
              <a:rPr lang="x-none" sz="1867" dirty="0" err="1">
                <a:solidFill>
                  <a:srgbClr val="000000"/>
                </a:solidFill>
              </a:rPr>
              <a:t>You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can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insert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or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chang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your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presentation‘s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footer</a:t>
            </a:r>
            <a:r>
              <a:rPr lang="x-none" sz="1867" dirty="0">
                <a:solidFill>
                  <a:srgbClr val="000000"/>
                </a:solidFill>
              </a:rPr>
              <a:t>. </a:t>
            </a:r>
            <a:br>
              <a:rPr lang="x-none" sz="1867" dirty="0">
                <a:solidFill>
                  <a:srgbClr val="000000"/>
                </a:solidFill>
              </a:rPr>
            </a:br>
            <a:r>
              <a:rPr lang="x-none" sz="1867" dirty="0">
                <a:solidFill>
                  <a:srgbClr val="000000"/>
                </a:solidFill>
              </a:rPr>
              <a:t>Click on </a:t>
            </a:r>
            <a:r>
              <a:rPr lang="x-none" sz="1867" dirty="0" err="1">
                <a:solidFill>
                  <a:srgbClr val="000000"/>
                </a:solidFill>
              </a:rPr>
              <a:t>the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b="1" i="1" dirty="0">
                <a:solidFill>
                  <a:srgbClr val="000000"/>
                </a:solidFill>
              </a:rPr>
              <a:t>Insert-</a:t>
            </a:r>
            <a:r>
              <a:rPr lang="x-none" sz="1867" b="1" i="1" dirty="0" err="1">
                <a:solidFill>
                  <a:srgbClr val="000000"/>
                </a:solidFill>
              </a:rPr>
              <a:t>tab</a:t>
            </a:r>
            <a:r>
              <a:rPr lang="x-none" sz="1867" dirty="0">
                <a:solidFill>
                  <a:srgbClr val="000000"/>
                </a:solidFill>
              </a:rPr>
              <a:t> | Header </a:t>
            </a:r>
            <a:r>
              <a:rPr lang="x-none" sz="1867" dirty="0" err="1">
                <a:solidFill>
                  <a:srgbClr val="000000"/>
                </a:solidFill>
              </a:rPr>
              <a:t>and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Footer</a:t>
            </a:r>
            <a:r>
              <a:rPr lang="x-none" sz="1867" dirty="0">
                <a:solidFill>
                  <a:srgbClr val="000000"/>
                </a:solidFill>
              </a:rPr>
              <a:t> | </a:t>
            </a:r>
          </a:p>
        </p:txBody>
      </p:sp>
      <p:sp>
        <p:nvSpPr>
          <p:cNvPr id="29" name="Title 8"/>
          <p:cNvSpPr txBox="1">
            <a:spLocks/>
          </p:cNvSpPr>
          <p:nvPr userDrawn="1"/>
        </p:nvSpPr>
        <p:spPr bwMode="gray">
          <a:xfrm>
            <a:off x="814917" y="740835"/>
            <a:ext cx="3264000" cy="15367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220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x-none" sz="2933" dirty="0">
                <a:solidFill>
                  <a:srgbClr val="000000"/>
                </a:solidFill>
              </a:rPr>
              <a:t>QUICK GUIDE: </a:t>
            </a:r>
            <a:br>
              <a:rPr lang="x-none" sz="2933" dirty="0">
                <a:solidFill>
                  <a:srgbClr val="000000"/>
                </a:solidFill>
              </a:rPr>
            </a:br>
            <a:r>
              <a:rPr lang="x-none" sz="2933" dirty="0">
                <a:solidFill>
                  <a:srgbClr val="000000"/>
                </a:solidFill>
              </a:rPr>
              <a:t>FOOTER</a:t>
            </a:r>
          </a:p>
        </p:txBody>
      </p:sp>
      <p:pic>
        <p:nvPicPr>
          <p:cNvPr id="3075" name="Picture 3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56880" y="743615"/>
            <a:ext cx="6875789" cy="26373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Rectangle 11"/>
          <p:cNvSpPr/>
          <p:nvPr userDrawn="1"/>
        </p:nvSpPr>
        <p:spPr bwMode="gray">
          <a:xfrm>
            <a:off x="7563496" y="983840"/>
            <a:ext cx="404712" cy="476953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sp>
        <p:nvSpPr>
          <p:cNvPr id="14" name="Rectangle 13"/>
          <p:cNvSpPr/>
          <p:nvPr userDrawn="1"/>
        </p:nvSpPr>
        <p:spPr bwMode="gray">
          <a:xfrm>
            <a:off x="4728856" y="780628"/>
            <a:ext cx="404712" cy="203200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pic>
        <p:nvPicPr>
          <p:cNvPr id="3076" name="Picture 4"/>
          <p:cNvPicPr>
            <a:picLocks noChangeAspect="1" noChangeArrowheads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943872" y="2954883"/>
            <a:ext cx="4181045" cy="3153652"/>
          </a:xfrm>
          <a:prstGeom prst="rect">
            <a:avLst/>
          </a:prstGeom>
          <a:noFill/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" name="Rectangle 14"/>
          <p:cNvSpPr/>
          <p:nvPr userDrawn="1"/>
        </p:nvSpPr>
        <p:spPr bwMode="gray">
          <a:xfrm>
            <a:off x="5471931" y="4731861"/>
            <a:ext cx="2496277" cy="247251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sp>
        <p:nvSpPr>
          <p:cNvPr id="17" name="Rectangle 16"/>
          <p:cNvSpPr/>
          <p:nvPr userDrawn="1"/>
        </p:nvSpPr>
        <p:spPr bwMode="gray">
          <a:xfrm>
            <a:off x="5318470" y="5268989"/>
            <a:ext cx="2649743" cy="247251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sp>
        <p:nvSpPr>
          <p:cNvPr id="18" name="Rectangle 17"/>
          <p:cNvSpPr/>
          <p:nvPr userDrawn="1"/>
        </p:nvSpPr>
        <p:spPr bwMode="gray">
          <a:xfrm>
            <a:off x="8166108" y="3487081"/>
            <a:ext cx="714203" cy="247251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cxnSp>
        <p:nvCxnSpPr>
          <p:cNvPr id="3" name="Elbow Connector 2"/>
          <p:cNvCxnSpPr>
            <a:stCxn id="14" idx="3"/>
            <a:endCxn id="12" idx="1"/>
          </p:cNvCxnSpPr>
          <p:nvPr userDrawn="1"/>
        </p:nvCxnSpPr>
        <p:spPr bwMode="gray">
          <a:xfrm>
            <a:off x="5133568" y="882231"/>
            <a:ext cx="2429928" cy="340076"/>
          </a:xfrm>
          <a:prstGeom prst="bentConnector3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Elbow Connector 7"/>
          <p:cNvCxnSpPr>
            <a:stCxn id="12" idx="2"/>
            <a:endCxn id="15" idx="0"/>
          </p:cNvCxnSpPr>
          <p:nvPr userDrawn="1"/>
        </p:nvCxnSpPr>
        <p:spPr bwMode="gray">
          <a:xfrm rot="5400000">
            <a:off x="5607421" y="2573447"/>
            <a:ext cx="3271080" cy="1045783"/>
          </a:xfrm>
          <a:prstGeom prst="bentConnector3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Elbow Connector 9"/>
          <p:cNvCxnSpPr>
            <a:stCxn id="15" idx="2"/>
            <a:endCxn id="17" idx="0"/>
          </p:cNvCxnSpPr>
          <p:nvPr userDrawn="1"/>
        </p:nvCxnSpPr>
        <p:spPr bwMode="gray">
          <a:xfrm rot="5400000">
            <a:off x="6536790" y="5085683"/>
            <a:ext cx="289879" cy="76733"/>
          </a:xfrm>
          <a:prstGeom prst="bentConnector3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/>
          <p:cNvCxnSpPr>
            <a:stCxn id="17" idx="3"/>
            <a:endCxn id="18" idx="2"/>
          </p:cNvCxnSpPr>
          <p:nvPr userDrawn="1"/>
        </p:nvCxnSpPr>
        <p:spPr bwMode="gray">
          <a:xfrm flipV="1">
            <a:off x="7968207" y="3734333"/>
            <a:ext cx="555003" cy="1658283"/>
          </a:xfrm>
          <a:prstGeom prst="bentConnector2">
            <a:avLst/>
          </a:prstGeom>
          <a:ln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758626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ickGuide: IMAGES ON TITLE SLIDES"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32" name="Picture 6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58124" y="4456380"/>
            <a:ext cx="2613153" cy="166078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6" name="Picture 2"/>
          <p:cNvPicPr>
            <a:picLocks noChangeAspect="1" noChangeArrowheads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447712" y="735968"/>
            <a:ext cx="5174379" cy="348708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13137" y="976333"/>
            <a:ext cx="3810992" cy="217547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 userDrawn="1"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211463" y="3544363"/>
            <a:ext cx="4670087" cy="207220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fld id="{04B20839-15F1-4075-8BA2-E01F2CA175EC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>
              <a:solidFill>
                <a:srgbClr val="000000"/>
              </a:solidFill>
            </a:endParaRPr>
          </a:p>
        </p:txBody>
      </p:sp>
      <p:sp>
        <p:nvSpPr>
          <p:cNvPr id="24" name="TextBox 23"/>
          <p:cNvSpPr txBox="1"/>
          <p:nvPr userDrawn="1"/>
        </p:nvSpPr>
        <p:spPr bwMode="gray">
          <a:xfrm>
            <a:off x="814919" y="2660653"/>
            <a:ext cx="3264000" cy="3456515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>
              <a:lnSpc>
                <a:spcPct val="90000"/>
              </a:lnSpc>
            </a:pPr>
            <a:r>
              <a:rPr lang="de-DE" sz="1867" b="1" dirty="0" err="1">
                <a:solidFill>
                  <a:srgbClr val="000000"/>
                </a:solidFill>
              </a:rPr>
              <a:t>Including</a:t>
            </a:r>
            <a:r>
              <a:rPr lang="de-DE" sz="1867" b="1" dirty="0">
                <a:solidFill>
                  <a:srgbClr val="000000"/>
                </a:solidFill>
              </a:rPr>
              <a:t> Images </a:t>
            </a:r>
          </a:p>
          <a:p>
            <a:pPr>
              <a:lnSpc>
                <a:spcPct val="90000"/>
              </a:lnSpc>
            </a:pPr>
            <a:r>
              <a:rPr lang="de-DE" sz="1867" b="1" dirty="0" err="1">
                <a:solidFill>
                  <a:srgbClr val="000000"/>
                </a:solidFill>
              </a:rPr>
              <a:t>the</a:t>
            </a:r>
            <a:r>
              <a:rPr lang="de-DE" sz="1867" b="1" dirty="0">
                <a:solidFill>
                  <a:srgbClr val="000000"/>
                </a:solidFill>
              </a:rPr>
              <a:t> </a:t>
            </a:r>
            <a:r>
              <a:rPr lang="de-DE" sz="1867" b="1" dirty="0" err="1">
                <a:solidFill>
                  <a:srgbClr val="000000"/>
                </a:solidFill>
              </a:rPr>
              <a:t>right</a:t>
            </a:r>
            <a:r>
              <a:rPr lang="de-DE" sz="1867" b="1" dirty="0">
                <a:solidFill>
                  <a:srgbClr val="000000"/>
                </a:solidFill>
              </a:rPr>
              <a:t> </a:t>
            </a:r>
            <a:r>
              <a:rPr lang="de-DE" sz="1867" b="1" dirty="0" err="1">
                <a:solidFill>
                  <a:srgbClr val="000000"/>
                </a:solidFill>
              </a:rPr>
              <a:t>way</a:t>
            </a:r>
            <a:r>
              <a:rPr lang="x-none" sz="1867" b="1">
                <a:solidFill>
                  <a:srgbClr val="000000"/>
                </a:solidFill>
              </a:rPr>
              <a:t>:</a:t>
            </a:r>
            <a:endParaRPr lang="x-none" sz="1867" b="1" dirty="0">
              <a:solidFill>
                <a:srgbClr val="000000"/>
              </a:solidFill>
            </a:endParaRPr>
          </a:p>
          <a:p>
            <a:pPr>
              <a:lnSpc>
                <a:spcPct val="90000"/>
              </a:lnSpc>
            </a:pPr>
            <a:r>
              <a:rPr lang="x-none" sz="1867" dirty="0" err="1">
                <a:solidFill>
                  <a:srgbClr val="000000"/>
                </a:solidFill>
              </a:rPr>
              <a:t>You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can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insert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dirty="0" err="1">
                <a:solidFill>
                  <a:srgbClr val="000000"/>
                </a:solidFill>
              </a:rPr>
              <a:t>or</a:t>
            </a:r>
            <a:r>
              <a:rPr lang="x-none" sz="1867" dirty="0">
                <a:solidFill>
                  <a:srgbClr val="000000"/>
                </a:solidFill>
              </a:rPr>
              <a:t> </a:t>
            </a:r>
            <a:r>
              <a:rPr lang="x-none" sz="1867" err="1">
                <a:solidFill>
                  <a:srgbClr val="000000"/>
                </a:solidFill>
              </a:rPr>
              <a:t>change</a:t>
            </a:r>
            <a:r>
              <a:rPr lang="x-none" sz="1867">
                <a:solidFill>
                  <a:srgbClr val="000000"/>
                </a:solidFill>
              </a:rPr>
              <a:t> </a:t>
            </a:r>
            <a:r>
              <a:rPr lang="de-DE" sz="1867" dirty="0">
                <a:solidFill>
                  <a:srgbClr val="000000"/>
                </a:solidFill>
              </a:rPr>
              <a:t>an </a:t>
            </a:r>
            <a:r>
              <a:rPr lang="de-DE" sz="1867" dirty="0" err="1">
                <a:solidFill>
                  <a:srgbClr val="000000"/>
                </a:solidFill>
              </a:rPr>
              <a:t>image</a:t>
            </a:r>
            <a:r>
              <a:rPr lang="de-DE" sz="1867" dirty="0">
                <a:solidFill>
                  <a:srgbClr val="000000"/>
                </a:solidFill>
              </a:rPr>
              <a:t> on </a:t>
            </a:r>
            <a:r>
              <a:rPr lang="de-DE" sz="1867" dirty="0" err="1">
                <a:solidFill>
                  <a:srgbClr val="000000"/>
                </a:solidFill>
              </a:rPr>
              <a:t>the</a:t>
            </a:r>
            <a:r>
              <a:rPr lang="de-DE" sz="1867" dirty="0">
                <a:solidFill>
                  <a:srgbClr val="000000"/>
                </a:solidFill>
              </a:rPr>
              <a:t> title </a:t>
            </a:r>
            <a:r>
              <a:rPr lang="de-DE" sz="1867" dirty="0" err="1">
                <a:solidFill>
                  <a:srgbClr val="000000"/>
                </a:solidFill>
              </a:rPr>
              <a:t>slide</a:t>
            </a:r>
            <a:r>
              <a:rPr lang="de-DE" sz="1867" dirty="0">
                <a:solidFill>
                  <a:srgbClr val="000000"/>
                </a:solidFill>
              </a:rPr>
              <a:t> via </a:t>
            </a:r>
            <a:r>
              <a:rPr lang="de-DE" sz="1867" dirty="0" err="1">
                <a:solidFill>
                  <a:srgbClr val="000000"/>
                </a:solidFill>
              </a:rPr>
              <a:t>the</a:t>
            </a:r>
            <a:r>
              <a:rPr lang="de-DE" sz="1867" dirty="0">
                <a:solidFill>
                  <a:srgbClr val="000000"/>
                </a:solidFill>
              </a:rPr>
              <a:t> </a:t>
            </a:r>
            <a:r>
              <a:rPr lang="de-DE" sz="1867" dirty="0" err="1">
                <a:solidFill>
                  <a:srgbClr val="000000"/>
                </a:solidFill>
              </a:rPr>
              <a:t>pre-defined</a:t>
            </a:r>
            <a:r>
              <a:rPr lang="de-DE" sz="1867" dirty="0">
                <a:solidFill>
                  <a:srgbClr val="000000"/>
                </a:solidFill>
              </a:rPr>
              <a:t> image-box.</a:t>
            </a:r>
          </a:p>
          <a:p>
            <a:pPr>
              <a:lnSpc>
                <a:spcPct val="90000"/>
              </a:lnSpc>
            </a:pPr>
            <a:endParaRPr lang="de-DE" sz="1867" dirty="0">
              <a:solidFill>
                <a:srgbClr val="000000"/>
              </a:solidFill>
            </a:endParaRPr>
          </a:p>
          <a:p>
            <a:pPr>
              <a:lnSpc>
                <a:spcPct val="90000"/>
              </a:lnSpc>
            </a:pPr>
            <a:r>
              <a:rPr lang="de-DE" sz="1867" dirty="0">
                <a:solidFill>
                  <a:srgbClr val="000000"/>
                </a:solidFill>
              </a:rPr>
              <a:t>Cl</a:t>
            </a:r>
            <a:r>
              <a:rPr lang="x-none" sz="1867">
                <a:solidFill>
                  <a:srgbClr val="000000"/>
                </a:solidFill>
              </a:rPr>
              <a:t>ick on </a:t>
            </a:r>
            <a:r>
              <a:rPr lang="de-DE" sz="1867" b="1" i="1" dirty="0">
                <a:solidFill>
                  <a:srgbClr val="000000"/>
                </a:solidFill>
              </a:rPr>
              <a:t>image-icon</a:t>
            </a:r>
            <a:r>
              <a:rPr lang="x-none" sz="1867">
                <a:solidFill>
                  <a:srgbClr val="000000"/>
                </a:solidFill>
              </a:rPr>
              <a:t> | </a:t>
            </a:r>
            <a:r>
              <a:rPr lang="de-DE" sz="1867" dirty="0" err="1">
                <a:solidFill>
                  <a:srgbClr val="000000"/>
                </a:solidFill>
              </a:rPr>
              <a:t>choose</a:t>
            </a:r>
            <a:r>
              <a:rPr lang="de-DE" sz="1867" dirty="0">
                <a:solidFill>
                  <a:srgbClr val="000000"/>
                </a:solidFill>
              </a:rPr>
              <a:t> </a:t>
            </a:r>
            <a:r>
              <a:rPr lang="de-DE" sz="1867" dirty="0" err="1">
                <a:solidFill>
                  <a:srgbClr val="000000"/>
                </a:solidFill>
              </a:rPr>
              <a:t>your</a:t>
            </a:r>
            <a:r>
              <a:rPr lang="de-DE" sz="1867" dirty="0">
                <a:solidFill>
                  <a:srgbClr val="000000"/>
                </a:solidFill>
              </a:rPr>
              <a:t> </a:t>
            </a:r>
            <a:r>
              <a:rPr lang="de-DE" sz="1867" dirty="0" err="1">
                <a:solidFill>
                  <a:srgbClr val="000000"/>
                </a:solidFill>
              </a:rPr>
              <a:t>favoured</a:t>
            </a:r>
            <a:r>
              <a:rPr lang="de-DE" sz="1867" dirty="0">
                <a:solidFill>
                  <a:srgbClr val="000000"/>
                </a:solidFill>
              </a:rPr>
              <a:t> </a:t>
            </a:r>
            <a:r>
              <a:rPr lang="de-DE" sz="1867" dirty="0" err="1">
                <a:solidFill>
                  <a:srgbClr val="000000"/>
                </a:solidFill>
              </a:rPr>
              <a:t>image</a:t>
            </a:r>
            <a:r>
              <a:rPr lang="de-DE" sz="1867" dirty="0">
                <a:solidFill>
                  <a:srgbClr val="000000"/>
                </a:solidFill>
              </a:rPr>
              <a:t> </a:t>
            </a:r>
            <a:r>
              <a:rPr lang="x-none" sz="1867">
                <a:solidFill>
                  <a:srgbClr val="000000"/>
                </a:solidFill>
              </a:rPr>
              <a:t>| </a:t>
            </a:r>
            <a:r>
              <a:rPr lang="de-DE" sz="1867" dirty="0" err="1">
                <a:solidFill>
                  <a:srgbClr val="000000"/>
                </a:solidFill>
              </a:rPr>
              <a:t>go</a:t>
            </a:r>
            <a:r>
              <a:rPr lang="de-DE" sz="1867" dirty="0">
                <a:solidFill>
                  <a:srgbClr val="000000"/>
                </a:solidFill>
              </a:rPr>
              <a:t> </a:t>
            </a:r>
            <a:r>
              <a:rPr lang="de-DE" sz="1867" dirty="0" err="1">
                <a:solidFill>
                  <a:srgbClr val="000000"/>
                </a:solidFill>
              </a:rPr>
              <a:t>to</a:t>
            </a:r>
            <a:r>
              <a:rPr lang="de-DE" sz="1867" dirty="0">
                <a:solidFill>
                  <a:srgbClr val="000000"/>
                </a:solidFill>
              </a:rPr>
              <a:t> </a:t>
            </a:r>
            <a:r>
              <a:rPr lang="de-DE" sz="1867" b="1" dirty="0" err="1">
                <a:solidFill>
                  <a:srgbClr val="000000"/>
                </a:solidFill>
              </a:rPr>
              <a:t>home</a:t>
            </a:r>
            <a:r>
              <a:rPr lang="de-DE" sz="1867" b="1" dirty="0">
                <a:solidFill>
                  <a:srgbClr val="000000"/>
                </a:solidFill>
              </a:rPr>
              <a:t> | </a:t>
            </a:r>
            <a:r>
              <a:rPr lang="de-DE" sz="1867" b="1" dirty="0" err="1">
                <a:solidFill>
                  <a:srgbClr val="000000"/>
                </a:solidFill>
              </a:rPr>
              <a:t>reset</a:t>
            </a:r>
            <a:r>
              <a:rPr lang="de-DE" sz="1867" b="1" dirty="0">
                <a:solidFill>
                  <a:srgbClr val="000000"/>
                </a:solidFill>
              </a:rPr>
              <a:t> | </a:t>
            </a:r>
            <a:r>
              <a:rPr lang="de-DE" sz="1867" b="1" dirty="0" err="1">
                <a:solidFill>
                  <a:srgbClr val="000000"/>
                </a:solidFill>
              </a:rPr>
              <a:t>right-click</a:t>
            </a:r>
            <a:r>
              <a:rPr lang="de-DE" sz="1867" b="1" dirty="0">
                <a:solidFill>
                  <a:srgbClr val="000000"/>
                </a:solidFill>
              </a:rPr>
              <a:t> on </a:t>
            </a:r>
            <a:r>
              <a:rPr lang="de-DE" sz="1867" b="1" dirty="0" err="1">
                <a:solidFill>
                  <a:srgbClr val="000000"/>
                </a:solidFill>
              </a:rPr>
              <a:t>your</a:t>
            </a:r>
            <a:r>
              <a:rPr lang="de-DE" sz="1867" b="1" dirty="0">
                <a:solidFill>
                  <a:srgbClr val="000000"/>
                </a:solidFill>
              </a:rPr>
              <a:t> </a:t>
            </a:r>
            <a:r>
              <a:rPr lang="de-DE" sz="1867" b="1" dirty="0" err="1">
                <a:solidFill>
                  <a:srgbClr val="000000"/>
                </a:solidFill>
              </a:rPr>
              <a:t>image</a:t>
            </a:r>
            <a:r>
              <a:rPr lang="de-DE" sz="1867" b="1" dirty="0">
                <a:solidFill>
                  <a:srgbClr val="000000"/>
                </a:solidFill>
              </a:rPr>
              <a:t> | </a:t>
            </a:r>
            <a:r>
              <a:rPr lang="de-DE" sz="1867" b="1" dirty="0" err="1">
                <a:solidFill>
                  <a:srgbClr val="000000"/>
                </a:solidFill>
              </a:rPr>
              <a:t>choose</a:t>
            </a:r>
            <a:r>
              <a:rPr lang="de-DE" sz="1867" b="1" dirty="0">
                <a:solidFill>
                  <a:srgbClr val="000000"/>
                </a:solidFill>
              </a:rPr>
              <a:t> send </a:t>
            </a:r>
            <a:r>
              <a:rPr lang="de-DE" sz="1867" b="1" dirty="0" err="1">
                <a:solidFill>
                  <a:srgbClr val="000000"/>
                </a:solidFill>
              </a:rPr>
              <a:t>to</a:t>
            </a:r>
            <a:r>
              <a:rPr lang="de-DE" sz="1867" b="1" dirty="0">
                <a:solidFill>
                  <a:srgbClr val="000000"/>
                </a:solidFill>
              </a:rPr>
              <a:t> back</a:t>
            </a:r>
            <a:endParaRPr lang="x-none" sz="1867" b="1" dirty="0">
              <a:solidFill>
                <a:srgbClr val="000000"/>
              </a:solidFill>
            </a:endParaRPr>
          </a:p>
        </p:txBody>
      </p:sp>
      <p:sp>
        <p:nvSpPr>
          <p:cNvPr id="29" name="Title 8"/>
          <p:cNvSpPr txBox="1">
            <a:spLocks/>
          </p:cNvSpPr>
          <p:nvPr userDrawn="1"/>
        </p:nvSpPr>
        <p:spPr bwMode="gray">
          <a:xfrm>
            <a:off x="814917" y="740835"/>
            <a:ext cx="3264000" cy="15367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2200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x-none" sz="2933" dirty="0">
                <a:solidFill>
                  <a:srgbClr val="000000"/>
                </a:solidFill>
              </a:rPr>
              <a:t>QUICK GUIDE: </a:t>
            </a:r>
            <a:br>
              <a:rPr lang="x-none" sz="2933">
                <a:solidFill>
                  <a:srgbClr val="000000"/>
                </a:solidFill>
              </a:rPr>
            </a:br>
            <a:r>
              <a:rPr lang="de-DE" sz="2933" dirty="0">
                <a:solidFill>
                  <a:srgbClr val="000000"/>
                </a:solidFill>
              </a:rPr>
              <a:t>IMAGES ON </a:t>
            </a:r>
            <a:br>
              <a:rPr lang="de-DE" sz="2933" dirty="0">
                <a:solidFill>
                  <a:srgbClr val="000000"/>
                </a:solidFill>
              </a:rPr>
            </a:br>
            <a:r>
              <a:rPr lang="de-DE" sz="2933" dirty="0">
                <a:solidFill>
                  <a:srgbClr val="000000"/>
                </a:solidFill>
              </a:rPr>
              <a:t>TITLE SLIDES</a:t>
            </a:r>
            <a:endParaRPr lang="x-none" sz="2933" dirty="0">
              <a:solidFill>
                <a:srgbClr val="000000"/>
              </a:solidFill>
            </a:endParaRPr>
          </a:p>
        </p:txBody>
      </p:sp>
      <p:sp>
        <p:nvSpPr>
          <p:cNvPr id="12" name="Rectangle 11"/>
          <p:cNvSpPr/>
          <p:nvPr userDrawn="1"/>
        </p:nvSpPr>
        <p:spPr bwMode="gray">
          <a:xfrm>
            <a:off x="8448547" y="1108781"/>
            <a:ext cx="2640008" cy="159979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sp>
        <p:nvSpPr>
          <p:cNvPr id="14" name="Rectangle 13"/>
          <p:cNvSpPr/>
          <p:nvPr userDrawn="1"/>
        </p:nvSpPr>
        <p:spPr bwMode="gray">
          <a:xfrm>
            <a:off x="6863728" y="2792229"/>
            <a:ext cx="222872" cy="203200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sp>
        <p:nvSpPr>
          <p:cNvPr id="15" name="Rectangle 14"/>
          <p:cNvSpPr/>
          <p:nvPr userDrawn="1"/>
        </p:nvSpPr>
        <p:spPr bwMode="gray">
          <a:xfrm>
            <a:off x="8703859" y="4079992"/>
            <a:ext cx="485547" cy="177800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  <p:cxnSp>
        <p:nvCxnSpPr>
          <p:cNvPr id="3" name="Elbow Connector 2"/>
          <p:cNvCxnSpPr>
            <a:stCxn id="14" idx="3"/>
            <a:endCxn id="12" idx="1"/>
          </p:cNvCxnSpPr>
          <p:nvPr userDrawn="1"/>
        </p:nvCxnSpPr>
        <p:spPr bwMode="gray">
          <a:xfrm flipV="1">
            <a:off x="7086600" y="1188773"/>
            <a:ext cx="1361947" cy="1705059"/>
          </a:xfrm>
          <a:prstGeom prst="bentConnector3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Elbow Connector 7"/>
          <p:cNvCxnSpPr>
            <a:stCxn id="12" idx="2"/>
            <a:endCxn id="15" idx="0"/>
          </p:cNvCxnSpPr>
          <p:nvPr userDrawn="1"/>
        </p:nvCxnSpPr>
        <p:spPr bwMode="gray">
          <a:xfrm rot="5400000">
            <a:off x="7951976" y="2263435"/>
            <a:ext cx="2811232" cy="821919"/>
          </a:xfrm>
          <a:prstGeom prst="bentConnector3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Elbow Connector 9"/>
          <p:cNvCxnSpPr>
            <a:stCxn id="15" idx="2"/>
            <a:endCxn id="17" idx="0"/>
          </p:cNvCxnSpPr>
          <p:nvPr userDrawn="1"/>
        </p:nvCxnSpPr>
        <p:spPr bwMode="gray">
          <a:xfrm rot="5400000">
            <a:off x="7065553" y="3627828"/>
            <a:ext cx="1251123" cy="2511065"/>
          </a:xfrm>
          <a:prstGeom prst="bentConnector3">
            <a:avLst/>
          </a:prstGeom>
          <a:ln>
            <a:solidFill>
              <a:srgbClr val="FF0000"/>
            </a:solidFill>
            <a:headEnd type="none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/>
          <p:cNvSpPr/>
          <p:nvPr userDrawn="1"/>
        </p:nvSpPr>
        <p:spPr bwMode="gray">
          <a:xfrm>
            <a:off x="5915021" y="5508915"/>
            <a:ext cx="1041091" cy="199736"/>
          </a:xfrm>
          <a:prstGeom prst="rect">
            <a:avLst/>
          </a:prstGeom>
          <a:noFill/>
          <a:ln w="12700" cap="sq">
            <a:solidFill>
              <a:srgbClr val="FF0000"/>
            </a:solidFill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92000" tIns="192000" rIns="192000" bIns="192000" rtlCol="0" anchor="ctr"/>
          <a:lstStyle/>
          <a:p>
            <a:pPr algn="ctr"/>
            <a:endParaRPr lang="x-none" sz="1867" dirty="0">
              <a:solidFill>
                <a:srgbClr val="FFFFFF"/>
              </a:solidFill>
              <a:latin typeface="adiNeue Bold"/>
            </a:endParaRPr>
          </a:p>
        </p:txBody>
      </p:sp>
    </p:spTree>
    <p:extLst>
      <p:ext uri="{BB962C8B-B14F-4D97-AF65-F5344CB8AC3E}">
        <p14:creationId xmlns:p14="http://schemas.microsoft.com/office/powerpoint/2010/main" val="25034125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D9EE55-8641-4A75-AD21-8998215EB7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D434EAD-0DA0-4FF4-A816-EB64C560BD0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CDE42C-4F47-4EE0-BDBE-0CDFE0C12C6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3F21A41-CD0B-451D-BE1D-B5B1E3841F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1BC24FA-8818-4859-8BE6-D61F1687CB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1EEA179-3499-4D8E-B302-4961727388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5401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15E25-3FF1-401A-AF5A-3A8B72A0DE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8B29A8-3665-481E-93F0-123CA09F487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B0B4A29-09C3-4C31-B1B8-0FD34829C6A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019C9DE-C291-4613-982B-E4821D77B72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1C74813-FBF0-45DD-9583-86DF61B2519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0EC2442-2B0B-4487-9190-1014FDB0E0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BACE9E2-4A17-48D8-95F7-A413C07013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F971D4D-6785-4CA9-84B8-8D761CC6F2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32644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2E53FE-145E-442F-9F37-26F44FA87D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85B527C-8768-4CDF-AD6E-2C44FCC9A4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C74079C-B213-4F88-AF39-0EBBE6FDAD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ABE037D-D4F7-483A-B424-917008B70F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85518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EB99419-1F5B-44AF-9CEA-0BB158F8C0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70AB1E2-DF3D-49F1-BA9A-20AFC2F4AD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6ECBC24-7D4E-4BFA-B192-8B5EC7DBF4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99893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60D05B-DDE7-45AC-9196-A43DCF1B80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028F286-6A2F-45D2-B0E2-2078702086C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E8F79E2-A02D-4124-9501-EBDCED1E83D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7AF641-1CD4-4FFB-A454-0B55A9ABDB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E1C6766-C65E-4F40-93B2-C252365634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B3A002-5CC7-4F2B-94B7-DFD481659E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35385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7AA204-A79A-4623-9463-ACB85A3863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EE0DE4B-5306-4610-9C82-24A30392104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7F54509-9BCE-42CA-AEAC-E65D33D90A5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29A1094-F036-4128-B504-2497CCFBC3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66AEF66-043E-4C81-AB75-6B544443C3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C1C3280-9E9E-4DC4-B4FB-DB1199B73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31922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18" Type="http://schemas.openxmlformats.org/officeDocument/2006/relationships/slideLayout" Target="../slideLayouts/slideLayout32.xml"/><Relationship Id="rId26" Type="http://schemas.openxmlformats.org/officeDocument/2006/relationships/image" Target="../media/image1.png"/><Relationship Id="rId3" Type="http://schemas.openxmlformats.org/officeDocument/2006/relationships/slideLayout" Target="../slideLayouts/slideLayout17.xml"/><Relationship Id="rId21" Type="http://schemas.openxmlformats.org/officeDocument/2006/relationships/slideLayout" Target="../slideLayouts/slideLayout35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slideLayout" Target="../slideLayouts/slideLayout31.xml"/><Relationship Id="rId25" Type="http://schemas.openxmlformats.org/officeDocument/2006/relationships/theme" Target="../theme/theme2.xml"/><Relationship Id="rId2" Type="http://schemas.openxmlformats.org/officeDocument/2006/relationships/slideLayout" Target="../slideLayouts/slideLayout16.xml"/><Relationship Id="rId16" Type="http://schemas.openxmlformats.org/officeDocument/2006/relationships/slideLayout" Target="../slideLayouts/slideLayout30.xml"/><Relationship Id="rId20" Type="http://schemas.openxmlformats.org/officeDocument/2006/relationships/slideLayout" Target="../slideLayouts/slideLayout34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24" Type="http://schemas.openxmlformats.org/officeDocument/2006/relationships/slideLayout" Target="../slideLayouts/slideLayout38.xml"/><Relationship Id="rId5" Type="http://schemas.openxmlformats.org/officeDocument/2006/relationships/slideLayout" Target="../slideLayouts/slideLayout19.xml"/><Relationship Id="rId15" Type="http://schemas.openxmlformats.org/officeDocument/2006/relationships/slideLayout" Target="../slideLayouts/slideLayout29.xml"/><Relationship Id="rId23" Type="http://schemas.openxmlformats.org/officeDocument/2006/relationships/slideLayout" Target="../slideLayouts/slideLayout37.xml"/><Relationship Id="rId10" Type="http://schemas.openxmlformats.org/officeDocument/2006/relationships/slideLayout" Target="../slideLayouts/slideLayout24.xml"/><Relationship Id="rId19" Type="http://schemas.openxmlformats.org/officeDocument/2006/relationships/slideLayout" Target="../slideLayouts/slideLayout33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Relationship Id="rId22" Type="http://schemas.openxmlformats.org/officeDocument/2006/relationships/slideLayout" Target="../slideLayouts/slideLayout3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780BDD5-8E96-4512-91FF-A2A6F5CF89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4D1E5EF-1EC6-4C7A-80B2-655DD973A9B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B0E824-A4D6-49C9-B5E6-C4FCEEBF1D5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51A6ABD-5A48-4D34-961E-D4A13D2CF5C0}" type="datetimeFigureOut">
              <a:rPr lang="en-US" smtClean="0"/>
              <a:t>9/1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32F80B4-9D59-4D1C-A823-834B4FD3F7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EB4B0EF-E197-4F4C-83D0-18B243C8F3D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D0B3E54-C94B-4938-B691-4AC134CAB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5511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86" r:id="rId13"/>
    <p:sldLayoutId id="2147483687" r:id="rId14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814919" y="740836"/>
            <a:ext cx="3264000" cy="345651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/>
              <a:t>Titelmasterformat durch Klicken bearbeiten</a:t>
            </a:r>
            <a:endParaRPr lang="x-non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 bwMode="gray">
          <a:xfrm>
            <a:off x="4464049" y="740833"/>
            <a:ext cx="6912000" cy="5376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x-none" dirty="0"/>
              <a:t>Click to edit Master text styles </a:t>
            </a:r>
          </a:p>
          <a:p>
            <a:pPr lvl="1"/>
            <a:r>
              <a:rPr lang="x-none" dirty="0"/>
              <a:t>Second level </a:t>
            </a:r>
          </a:p>
          <a:p>
            <a:pPr lvl="2"/>
            <a:r>
              <a:rPr lang="x-none" dirty="0"/>
              <a:t>Third level </a:t>
            </a:r>
          </a:p>
          <a:p>
            <a:pPr lvl="3"/>
            <a:r>
              <a:rPr lang="x-none" dirty="0"/>
              <a:t>Fourth level </a:t>
            </a:r>
          </a:p>
          <a:p>
            <a:pPr lvl="4"/>
            <a:r>
              <a:rPr lang="x-none" dirty="0"/>
              <a:t>Fifth level 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 bwMode="gray">
          <a:xfrm>
            <a:off x="10407110" y="6117184"/>
            <a:ext cx="681445" cy="740833"/>
          </a:xfrm>
          <a:prstGeom prst="rect">
            <a:avLst/>
          </a:prstGeom>
        </p:spPr>
        <p:txBody>
          <a:bodyPr vert="horz" wrap="none" lIns="0" tIns="0" rIns="0" bIns="144000" rtlCol="0" anchor="b" anchorCtr="0"/>
          <a:lstStyle>
            <a:lvl1pPr algn="r">
              <a:defRPr sz="933">
                <a:solidFill>
                  <a:schemeClr val="tx1"/>
                </a:solidFill>
              </a:defRPr>
            </a:lvl1pPr>
          </a:lstStyle>
          <a:p>
            <a:fld id="{B8D37751-75E7-4913-A33A-6C1B729296A2}" type="datetime1">
              <a:rPr lang="en-US" smtClean="0">
                <a:solidFill>
                  <a:srgbClr val="000000"/>
                </a:solidFill>
              </a:rPr>
              <a:t>9/19/2023</a:t>
            </a:fld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 bwMode="gray">
          <a:xfrm>
            <a:off x="4463001" y="6117184"/>
            <a:ext cx="5944116" cy="740833"/>
          </a:xfrm>
          <a:prstGeom prst="rect">
            <a:avLst/>
          </a:prstGeom>
        </p:spPr>
        <p:txBody>
          <a:bodyPr vert="horz" lIns="0" tIns="0" rIns="0" bIns="144000" rtlCol="0" anchor="b" anchorCtr="0"/>
          <a:lstStyle>
            <a:lvl1pPr algn="r">
              <a:defRPr sz="933">
                <a:solidFill>
                  <a:schemeClr val="tx1"/>
                </a:solidFill>
              </a:defRPr>
            </a:lvl1pPr>
          </a:lstStyle>
          <a:p>
            <a:r>
              <a:rPr lang="fr-FR">
                <a:solidFill>
                  <a:srgbClr val="000000"/>
                </a:solidFill>
              </a:rPr>
              <a:t>2013 Q3Q4 GTM plan</a:t>
            </a:r>
            <a:endParaRPr lang="x-none" dirty="0">
              <a:solidFill>
                <a:srgbClr val="000000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1088580" y="6117184"/>
            <a:ext cx="288529" cy="740833"/>
          </a:xfrm>
          <a:prstGeom prst="rect">
            <a:avLst/>
          </a:prstGeom>
        </p:spPr>
        <p:txBody>
          <a:bodyPr vert="horz" wrap="none" lIns="0" tIns="0" rIns="0" bIns="144000" rtlCol="0" anchor="b" anchorCtr="0"/>
          <a:lstStyle>
            <a:lvl1pPr algn="r">
              <a:defRPr sz="933" b="1">
                <a:solidFill>
                  <a:schemeClr val="accent1"/>
                </a:solidFill>
              </a:defRPr>
            </a:lvl1pPr>
          </a:lstStyle>
          <a:p>
            <a:fld id="{D136C6D1-1D7D-45E1-A7D6-44C33DC01A23}" type="slidenum">
              <a:rPr lang="x-none" smtClean="0">
                <a:solidFill>
                  <a:srgbClr val="000000"/>
                </a:solidFill>
              </a:rPr>
              <a:pPr/>
              <a:t>‹#›</a:t>
            </a:fld>
            <a:endParaRPr lang="x-none" dirty="0">
              <a:solidFill>
                <a:srgbClr val="000000"/>
              </a:solidFill>
            </a:endParaRPr>
          </a:p>
        </p:txBody>
      </p:sp>
      <p:grpSp>
        <p:nvGrpSpPr>
          <p:cNvPr id="25" name="Group 24"/>
          <p:cNvGrpSpPr/>
          <p:nvPr/>
        </p:nvGrpSpPr>
        <p:grpSpPr bwMode="gray">
          <a:xfrm>
            <a:off x="-118544" y="740849"/>
            <a:ext cx="48000" cy="5373159"/>
            <a:chOff x="-57158" y="555625"/>
            <a:chExt cx="36000" cy="4029869"/>
          </a:xfrm>
        </p:grpSpPr>
        <p:cxnSp>
          <p:nvCxnSpPr>
            <p:cNvPr id="11" name="Straight Connector 10"/>
            <p:cNvCxnSpPr/>
            <p:nvPr userDrawn="1"/>
          </p:nvCxnSpPr>
          <p:spPr bwMode="gray">
            <a:xfrm flipH="1">
              <a:off x="-57158" y="555625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/>
            <p:cNvCxnSpPr/>
            <p:nvPr userDrawn="1"/>
          </p:nvCxnSpPr>
          <p:spPr bwMode="gray">
            <a:xfrm flipH="1">
              <a:off x="-57158" y="1705769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/>
            <p:cNvCxnSpPr/>
            <p:nvPr userDrawn="1"/>
          </p:nvCxnSpPr>
          <p:spPr bwMode="gray">
            <a:xfrm flipH="1">
              <a:off x="-57158" y="1993900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Connector 13"/>
            <p:cNvCxnSpPr/>
            <p:nvPr userDrawn="1"/>
          </p:nvCxnSpPr>
          <p:spPr bwMode="gray">
            <a:xfrm flipH="1">
              <a:off x="-57158" y="3435350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Straight Connector 14"/>
            <p:cNvCxnSpPr/>
            <p:nvPr userDrawn="1"/>
          </p:nvCxnSpPr>
          <p:spPr bwMode="gray">
            <a:xfrm flipH="1">
              <a:off x="-57158" y="3146425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/>
            <p:cNvCxnSpPr/>
            <p:nvPr userDrawn="1"/>
          </p:nvCxnSpPr>
          <p:spPr bwMode="gray">
            <a:xfrm flipH="1">
              <a:off x="-57158" y="4585494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9" name="Group 18"/>
          <p:cNvGrpSpPr/>
          <p:nvPr/>
        </p:nvGrpSpPr>
        <p:grpSpPr bwMode="gray">
          <a:xfrm>
            <a:off x="814923" y="-75775"/>
            <a:ext cx="10561111" cy="48000"/>
            <a:chOff x="611188" y="-44926"/>
            <a:chExt cx="7920833" cy="36000"/>
          </a:xfrm>
        </p:grpSpPr>
        <p:cxnSp>
          <p:nvCxnSpPr>
            <p:cNvPr id="18" name="Straight Connector 17"/>
            <p:cNvCxnSpPr/>
            <p:nvPr userDrawn="1"/>
          </p:nvCxnSpPr>
          <p:spPr bwMode="gray">
            <a:xfrm flipV="1">
              <a:off x="611188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Connector 19"/>
            <p:cNvCxnSpPr/>
            <p:nvPr userDrawn="1"/>
          </p:nvCxnSpPr>
          <p:spPr bwMode="gray">
            <a:xfrm flipV="1">
              <a:off x="3056732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 userDrawn="1"/>
          </p:nvCxnSpPr>
          <p:spPr bwMode="gray">
            <a:xfrm flipV="1">
              <a:off x="3347245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/>
            <p:cNvCxnSpPr/>
            <p:nvPr userDrawn="1"/>
          </p:nvCxnSpPr>
          <p:spPr bwMode="gray">
            <a:xfrm flipV="1">
              <a:off x="5795170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/>
            <p:cNvCxnSpPr/>
            <p:nvPr userDrawn="1"/>
          </p:nvCxnSpPr>
          <p:spPr bwMode="gray">
            <a:xfrm flipV="1">
              <a:off x="6080920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/>
            <p:cNvCxnSpPr/>
            <p:nvPr userDrawn="1"/>
          </p:nvCxnSpPr>
          <p:spPr bwMode="gray">
            <a:xfrm flipV="1">
              <a:off x="8532021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6" name="Group 25"/>
          <p:cNvGrpSpPr/>
          <p:nvPr/>
        </p:nvGrpSpPr>
        <p:grpSpPr bwMode="gray">
          <a:xfrm>
            <a:off x="814923" y="6885775"/>
            <a:ext cx="10561111" cy="48000"/>
            <a:chOff x="611188" y="-44926"/>
            <a:chExt cx="7920833" cy="36000"/>
          </a:xfrm>
        </p:grpSpPr>
        <p:cxnSp>
          <p:nvCxnSpPr>
            <p:cNvPr id="27" name="Straight Connector 26"/>
            <p:cNvCxnSpPr/>
            <p:nvPr userDrawn="1"/>
          </p:nvCxnSpPr>
          <p:spPr bwMode="gray">
            <a:xfrm flipV="1">
              <a:off x="611188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/>
            <p:cNvCxnSpPr/>
            <p:nvPr userDrawn="1"/>
          </p:nvCxnSpPr>
          <p:spPr bwMode="gray">
            <a:xfrm flipV="1">
              <a:off x="3056732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/>
            <p:cNvCxnSpPr/>
            <p:nvPr userDrawn="1"/>
          </p:nvCxnSpPr>
          <p:spPr bwMode="gray">
            <a:xfrm flipV="1">
              <a:off x="3347245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/>
            <p:cNvCxnSpPr/>
            <p:nvPr userDrawn="1"/>
          </p:nvCxnSpPr>
          <p:spPr bwMode="gray">
            <a:xfrm flipV="1">
              <a:off x="5795170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/>
            <p:cNvCxnSpPr/>
            <p:nvPr userDrawn="1"/>
          </p:nvCxnSpPr>
          <p:spPr bwMode="gray">
            <a:xfrm flipV="1">
              <a:off x="6080920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/>
            <p:cNvCxnSpPr/>
            <p:nvPr userDrawn="1"/>
          </p:nvCxnSpPr>
          <p:spPr bwMode="gray">
            <a:xfrm flipV="1">
              <a:off x="8532021" y="-44926"/>
              <a:ext cx="0" cy="3600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4" name="Group 33"/>
          <p:cNvGrpSpPr/>
          <p:nvPr/>
        </p:nvGrpSpPr>
        <p:grpSpPr bwMode="gray">
          <a:xfrm>
            <a:off x="12216548" y="740849"/>
            <a:ext cx="48000" cy="5373159"/>
            <a:chOff x="-57158" y="555625"/>
            <a:chExt cx="36000" cy="4029869"/>
          </a:xfrm>
        </p:grpSpPr>
        <p:cxnSp>
          <p:nvCxnSpPr>
            <p:cNvPr id="35" name="Straight Connector 34"/>
            <p:cNvCxnSpPr/>
            <p:nvPr userDrawn="1"/>
          </p:nvCxnSpPr>
          <p:spPr bwMode="gray">
            <a:xfrm flipH="1">
              <a:off x="-57158" y="555625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/>
            <p:cNvCxnSpPr/>
            <p:nvPr userDrawn="1"/>
          </p:nvCxnSpPr>
          <p:spPr bwMode="gray">
            <a:xfrm flipH="1">
              <a:off x="-57158" y="1705769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/>
            <p:cNvCxnSpPr/>
            <p:nvPr userDrawn="1"/>
          </p:nvCxnSpPr>
          <p:spPr bwMode="gray">
            <a:xfrm flipH="1">
              <a:off x="-57158" y="1993900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Straight Connector 37"/>
            <p:cNvCxnSpPr/>
            <p:nvPr userDrawn="1"/>
          </p:nvCxnSpPr>
          <p:spPr bwMode="gray">
            <a:xfrm flipH="1">
              <a:off x="-57158" y="3435350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Straight Connector 38"/>
            <p:cNvCxnSpPr/>
            <p:nvPr userDrawn="1"/>
          </p:nvCxnSpPr>
          <p:spPr bwMode="gray">
            <a:xfrm flipH="1">
              <a:off x="-57158" y="3146425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Straight Connector 39"/>
            <p:cNvCxnSpPr/>
            <p:nvPr userDrawn="1"/>
          </p:nvCxnSpPr>
          <p:spPr bwMode="gray">
            <a:xfrm flipH="1">
              <a:off x="-57158" y="4585494"/>
              <a:ext cx="36000" cy="0"/>
            </a:xfrm>
            <a:prstGeom prst="line">
              <a:avLst/>
            </a:prstGeom>
            <a:ln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5122" name="Picture 2" descr="OBC_Logo_Performance_BWp.png"/>
          <p:cNvPicPr>
            <a:picLocks noChangeAspect="1" noChangeArrowheads="1"/>
          </p:cNvPicPr>
          <p:nvPr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0" y="816989"/>
            <a:ext cx="551696" cy="5516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858333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  <p:sldLayoutId id="2147483674" r:id="rId13"/>
    <p:sldLayoutId id="2147483675" r:id="rId14"/>
    <p:sldLayoutId id="2147483676" r:id="rId15"/>
    <p:sldLayoutId id="2147483677" r:id="rId16"/>
    <p:sldLayoutId id="2147483678" r:id="rId17"/>
    <p:sldLayoutId id="2147483679" r:id="rId18"/>
    <p:sldLayoutId id="2147483680" r:id="rId19"/>
    <p:sldLayoutId id="2147483681" r:id="rId20"/>
    <p:sldLayoutId id="2147483682" r:id="rId21"/>
    <p:sldLayoutId id="2147483683" r:id="rId22"/>
    <p:sldLayoutId id="2147483684" r:id="rId23"/>
    <p:sldLayoutId id="2147483685" r:id="rId2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1219170" rtl="0" eaLnBrk="1" latinLnBrk="0" hangingPunct="1">
        <a:lnSpc>
          <a:spcPct val="80000"/>
        </a:lnSpc>
        <a:spcBef>
          <a:spcPct val="0"/>
        </a:spcBef>
        <a:buNone/>
        <a:defRPr sz="2933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0" indent="0" algn="l" defTabSz="1219170" rtl="0" eaLnBrk="1" latinLnBrk="0" hangingPunct="1">
        <a:spcBef>
          <a:spcPts val="0"/>
        </a:spcBef>
        <a:buClr>
          <a:schemeClr val="accent1"/>
        </a:buClr>
        <a:buSzPct val="90000"/>
        <a:buFont typeface="Arial" pitchFamily="34" charset="0"/>
        <a:buNone/>
        <a:defRPr sz="1867" kern="1200">
          <a:solidFill>
            <a:schemeClr val="tx1"/>
          </a:solidFill>
          <a:latin typeface="+mn-lt"/>
          <a:ea typeface="+mn-ea"/>
          <a:cs typeface="+mn-cs"/>
        </a:defRPr>
      </a:lvl1pPr>
      <a:lvl2pPr marL="239994" indent="-239994" algn="l" defTabSz="1219170" rtl="0" eaLnBrk="1" latinLnBrk="0" hangingPunct="1">
        <a:spcBef>
          <a:spcPts val="800"/>
        </a:spcBef>
        <a:buClr>
          <a:schemeClr val="accent1"/>
        </a:buClr>
        <a:buSzPct val="90000"/>
        <a:buFont typeface="Wingdings" pitchFamily="2" charset="2"/>
        <a:buChar char="§"/>
        <a:defRPr sz="1867" b="0" kern="1200">
          <a:solidFill>
            <a:schemeClr val="tx1"/>
          </a:solidFill>
          <a:latin typeface="+mn-lt"/>
          <a:ea typeface="+mn-ea"/>
          <a:cs typeface="+mn-cs"/>
        </a:defRPr>
      </a:lvl2pPr>
      <a:lvl3pPr marL="479988" indent="-239994" algn="l" defTabSz="1219170" rtl="0" eaLnBrk="1" latinLnBrk="0" hangingPunct="1">
        <a:spcBef>
          <a:spcPts val="800"/>
        </a:spcBef>
        <a:buClr>
          <a:schemeClr val="accent1"/>
        </a:buClr>
        <a:buSzPct val="100000"/>
        <a:buFont typeface="Symbol" pitchFamily="18" charset="2"/>
        <a:buChar char=""/>
        <a:defRPr sz="1867" kern="1200">
          <a:solidFill>
            <a:schemeClr val="tx1"/>
          </a:solidFill>
          <a:latin typeface="+mn-lt"/>
          <a:ea typeface="+mn-ea"/>
          <a:cs typeface="+mn-cs"/>
        </a:defRPr>
      </a:lvl3pPr>
      <a:lvl4pPr marL="239994" indent="-239994" algn="l" defTabSz="1219170" rtl="0" eaLnBrk="1" latinLnBrk="0" hangingPunct="1">
        <a:spcBef>
          <a:spcPts val="800"/>
        </a:spcBef>
        <a:buClr>
          <a:schemeClr val="accent1"/>
        </a:buClr>
        <a:buSzPct val="90000"/>
        <a:buFont typeface="+mj-lt"/>
        <a:buAutoNum type="arabicPeriod"/>
        <a:defRPr sz="1867" kern="1200">
          <a:solidFill>
            <a:schemeClr val="tx1"/>
          </a:solidFill>
          <a:latin typeface="+mn-lt"/>
          <a:ea typeface="+mn-ea"/>
          <a:cs typeface="+mn-cs"/>
        </a:defRPr>
      </a:lvl4pPr>
      <a:lvl5pPr marL="479988" indent="-239994" algn="l" defTabSz="1219170" rtl="0" eaLnBrk="1" latinLnBrk="0" hangingPunct="1">
        <a:lnSpc>
          <a:spcPct val="100000"/>
        </a:lnSpc>
        <a:spcBef>
          <a:spcPts val="800"/>
        </a:spcBef>
        <a:buClr>
          <a:schemeClr val="accent1"/>
        </a:buClr>
        <a:buSzPct val="90000"/>
        <a:buFont typeface="+mj-lt"/>
        <a:buAutoNum type="arabicPeriod"/>
        <a:defRPr sz="1867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121917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90000"/>
        <a:buFont typeface="Wingdings" pitchFamily="2" charset="2"/>
        <a:buNone/>
        <a:defRPr sz="3200" kern="1200">
          <a:solidFill>
            <a:schemeClr val="accent1"/>
          </a:solidFill>
          <a:latin typeface="+mn-lt"/>
          <a:ea typeface="+mn-ea"/>
          <a:cs typeface="+mn-cs"/>
        </a:defRPr>
      </a:lvl6pPr>
      <a:lvl7pPr marL="0" indent="0" algn="l" defTabSz="121917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90000"/>
        <a:buFont typeface="Wingdings" pitchFamily="2" charset="2"/>
        <a:buNone/>
        <a:defRPr sz="3200" kern="1200">
          <a:solidFill>
            <a:schemeClr val="accent1"/>
          </a:solidFill>
          <a:latin typeface="+mn-lt"/>
          <a:ea typeface="+mn-ea"/>
          <a:cs typeface="+mn-cs"/>
        </a:defRPr>
      </a:lvl7pPr>
      <a:lvl8pPr marL="0" indent="0" algn="l" defTabSz="121917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90000"/>
        <a:buFont typeface="Wingdings" pitchFamily="2" charset="2"/>
        <a:buNone/>
        <a:defRPr sz="3200" kern="1200">
          <a:solidFill>
            <a:schemeClr val="accent1"/>
          </a:solidFill>
          <a:latin typeface="+mn-lt"/>
          <a:ea typeface="+mn-ea"/>
          <a:cs typeface="+mn-cs"/>
        </a:defRPr>
      </a:lvl8pPr>
      <a:lvl9pPr marL="0" indent="0" algn="l" defTabSz="1219170" rtl="0" eaLnBrk="1" latinLnBrk="0" hangingPunct="1">
        <a:lnSpc>
          <a:spcPct val="90000"/>
        </a:lnSpc>
        <a:spcBef>
          <a:spcPts val="800"/>
        </a:spcBef>
        <a:buClr>
          <a:schemeClr val="accent1"/>
        </a:buClr>
        <a:buSzPct val="90000"/>
        <a:buFont typeface="Wingdings" pitchFamily="2" charset="2"/>
        <a:buNone/>
        <a:defRPr sz="3200" kern="1200">
          <a:solidFill>
            <a:schemeClr val="accent1"/>
          </a:solidFill>
          <a:latin typeface="+mn-lt"/>
          <a:ea typeface="+mn-ea"/>
          <a:cs typeface="+mn-cs"/>
        </a:defRPr>
      </a:lvl9pPr>
    </p:bodyStyle>
    <p:otherStyle>
      <a:defPPr>
        <a:defRPr lang="x-none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15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7" Type="http://schemas.openxmlformats.org/officeDocument/2006/relationships/image" Target="../media/image22.jpeg"/><Relationship Id="rId2" Type="http://schemas.openxmlformats.org/officeDocument/2006/relationships/tags" Target="../tags/tag19.xml"/><Relationship Id="rId1" Type="http://schemas.openxmlformats.org/officeDocument/2006/relationships/tags" Target="../tags/tag18.xml"/><Relationship Id="rId6" Type="http://schemas.openxmlformats.org/officeDocument/2006/relationships/image" Target="../media/image21.jpeg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21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jpeg"/><Relationship Id="rId3" Type="http://schemas.openxmlformats.org/officeDocument/2006/relationships/tags" Target="../tags/tag24.xml"/><Relationship Id="rId7" Type="http://schemas.openxmlformats.org/officeDocument/2006/relationships/image" Target="../media/image21.jpeg"/><Relationship Id="rId2" Type="http://schemas.openxmlformats.org/officeDocument/2006/relationships/tags" Target="../tags/tag23.xml"/><Relationship Id="rId1" Type="http://schemas.openxmlformats.org/officeDocument/2006/relationships/tags" Target="../tags/tag22.xml"/><Relationship Id="rId6" Type="http://schemas.openxmlformats.org/officeDocument/2006/relationships/slideLayout" Target="../slideLayouts/slideLayout2.xml"/><Relationship Id="rId5" Type="http://schemas.openxmlformats.org/officeDocument/2006/relationships/tags" Target="../tags/tag26.xml"/><Relationship Id="rId4" Type="http://schemas.openxmlformats.org/officeDocument/2006/relationships/tags" Target="../tags/tag25.xml"/><Relationship Id="rId9" Type="http://schemas.openxmlformats.org/officeDocument/2006/relationships/image" Target="../media/image23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7.xml"/><Relationship Id="rId4" Type="http://schemas.openxmlformats.org/officeDocument/2006/relationships/image" Target="../media/image15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8.xml"/><Relationship Id="rId4" Type="http://schemas.openxmlformats.org/officeDocument/2006/relationships/image" Target="../media/image27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9.xml"/><Relationship Id="rId4" Type="http://schemas.openxmlformats.org/officeDocument/2006/relationships/image" Target="../media/image28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0.xml"/><Relationship Id="rId4" Type="http://schemas.openxmlformats.org/officeDocument/2006/relationships/image" Target="../media/image2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1.xml"/><Relationship Id="rId6" Type="http://schemas.openxmlformats.org/officeDocument/2006/relationships/image" Target="../media/image32.jpeg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2.xml"/><Relationship Id="rId6" Type="http://schemas.openxmlformats.org/officeDocument/2006/relationships/image" Target="../media/image35.png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3.xml"/><Relationship Id="rId6" Type="http://schemas.openxmlformats.org/officeDocument/2006/relationships/image" Target="../media/image38.png"/><Relationship Id="rId5" Type="http://schemas.openxmlformats.org/officeDocument/2006/relationships/image" Target="../media/image37.png"/><Relationship Id="rId4" Type="http://schemas.openxmlformats.org/officeDocument/2006/relationships/image" Target="../media/image36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4.xml"/><Relationship Id="rId6" Type="http://schemas.openxmlformats.org/officeDocument/2006/relationships/image" Target="../media/image19.png"/><Relationship Id="rId5" Type="http://schemas.openxmlformats.org/officeDocument/2006/relationships/image" Target="../media/image40.png"/><Relationship Id="rId4" Type="http://schemas.openxmlformats.org/officeDocument/2006/relationships/image" Target="../media/image39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jpe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eg"/><Relationship Id="rId2" Type="http://schemas.openxmlformats.org/officeDocument/2006/relationships/image" Target="../media/image46.jpe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48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eg"/><Relationship Id="rId2" Type="http://schemas.openxmlformats.org/officeDocument/2006/relationships/image" Target="../media/image50.jpe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52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5.xml"/><Relationship Id="rId6" Type="http://schemas.openxmlformats.org/officeDocument/2006/relationships/image" Target="../media/image55.jpeg"/><Relationship Id="rId5" Type="http://schemas.openxmlformats.org/officeDocument/2006/relationships/image" Target="../media/image54.jpeg"/><Relationship Id="rId4" Type="http://schemas.openxmlformats.org/officeDocument/2006/relationships/image" Target="../media/image53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e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7.png"/><Relationship Id="rId5" Type="http://schemas.openxmlformats.org/officeDocument/2006/relationships/image" Target="../media/image56.png"/><Relationship Id="rId4" Type="http://schemas.openxmlformats.org/officeDocument/2006/relationships/image" Target="../media/image41.jpe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59.png"/><Relationship Id="rId12" Type="http://schemas.openxmlformats.org/officeDocument/2006/relationships/image" Target="../media/image64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6.xml"/><Relationship Id="rId6" Type="http://schemas.openxmlformats.org/officeDocument/2006/relationships/image" Target="../media/image58.png"/><Relationship Id="rId11" Type="http://schemas.openxmlformats.org/officeDocument/2006/relationships/image" Target="../media/image63.png"/><Relationship Id="rId5" Type="http://schemas.openxmlformats.org/officeDocument/2006/relationships/image" Target="../media/image14.png"/><Relationship Id="rId10" Type="http://schemas.openxmlformats.org/officeDocument/2006/relationships/image" Target="../media/image62.png"/><Relationship Id="rId4" Type="http://schemas.openxmlformats.org/officeDocument/2006/relationships/image" Target="../media/image57.png"/><Relationship Id="rId9" Type="http://schemas.openxmlformats.org/officeDocument/2006/relationships/image" Target="../media/image6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59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7.xml"/><Relationship Id="rId6" Type="http://schemas.openxmlformats.org/officeDocument/2006/relationships/image" Target="../media/image58.png"/><Relationship Id="rId11" Type="http://schemas.openxmlformats.org/officeDocument/2006/relationships/image" Target="../media/image63.png"/><Relationship Id="rId5" Type="http://schemas.openxmlformats.org/officeDocument/2006/relationships/image" Target="../media/image14.png"/><Relationship Id="rId10" Type="http://schemas.openxmlformats.org/officeDocument/2006/relationships/image" Target="../media/image62.png"/><Relationship Id="rId4" Type="http://schemas.openxmlformats.org/officeDocument/2006/relationships/image" Target="../media/image57.png"/><Relationship Id="rId9" Type="http://schemas.openxmlformats.org/officeDocument/2006/relationships/image" Target="../media/image61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7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0.png"/><Relationship Id="rId4" Type="http://schemas.openxmlformats.org/officeDocument/2006/relationships/image" Target="../media/image69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3.png"/><Relationship Id="rId4" Type="http://schemas.openxmlformats.org/officeDocument/2006/relationships/image" Target="../media/image72.pn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7.png"/><Relationship Id="rId4" Type="http://schemas.openxmlformats.org/officeDocument/2006/relationships/image" Target="../media/image76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80.png"/><Relationship Id="rId4" Type="http://schemas.openxmlformats.org/officeDocument/2006/relationships/image" Target="../media/image79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8.xml"/><Relationship Id="rId4" Type="http://schemas.openxmlformats.org/officeDocument/2006/relationships/image" Target="../media/image15.png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81.png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4.png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5.png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6.png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7.png"/><Relationship Id="rId1" Type="http://schemas.openxmlformats.org/officeDocument/2006/relationships/slideLayout" Target="../slideLayouts/slideLayout2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2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5.png"/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9.xml"/><Relationship Id="rId4" Type="http://schemas.openxmlformats.org/officeDocument/2006/relationships/image" Target="../media/image15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5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1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0.xml"/><Relationship Id="rId4" Type="http://schemas.openxmlformats.org/officeDocument/2006/relationships/image" Target="../media/image15.pn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2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1.xml"/><Relationship Id="rId4" Type="http://schemas.openxmlformats.org/officeDocument/2006/relationships/image" Target="../media/image15.png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42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3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4.xml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5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4" Type="http://schemas.openxmlformats.org/officeDocument/2006/relationships/image" Target="../media/image15.png"/></Relationships>
</file>

<file path=ppt/slides/_rels/slide6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8.png"/><Relationship Id="rId3" Type="http://schemas.openxmlformats.org/officeDocument/2006/relationships/image" Target="../media/image14.png"/><Relationship Id="rId7" Type="http://schemas.openxmlformats.org/officeDocument/2006/relationships/image" Target="../media/image107.png"/><Relationship Id="rId2" Type="http://schemas.openxmlformats.org/officeDocument/2006/relationships/image" Target="../media/image103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06.png"/><Relationship Id="rId5" Type="http://schemas.openxmlformats.org/officeDocument/2006/relationships/image" Target="../media/image105.png"/><Relationship Id="rId4" Type="http://schemas.openxmlformats.org/officeDocument/2006/relationships/image" Target="../media/image104.png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7.xml"/><Relationship Id="rId4" Type="http://schemas.openxmlformats.org/officeDocument/2006/relationships/image" Target="../media/image15.png"/></Relationships>
</file>

<file path=ppt/slides/_rels/slide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8.xml"/><Relationship Id="rId4" Type="http://schemas.openxmlformats.org/officeDocument/2006/relationships/image" Target="../media/image109.png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0.png"/><Relationship Id="rId7" Type="http://schemas.openxmlformats.org/officeDocument/2006/relationships/image" Target="../media/image114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3.png"/><Relationship Id="rId5" Type="http://schemas.openxmlformats.org/officeDocument/2006/relationships/image" Target="../media/image112.png"/><Relationship Id="rId4" Type="http://schemas.openxmlformats.org/officeDocument/2006/relationships/image" Target="../media/image111.png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6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0.png"/><Relationship Id="rId3" Type="http://schemas.openxmlformats.org/officeDocument/2006/relationships/image" Target="../media/image115.png"/><Relationship Id="rId7" Type="http://schemas.openxmlformats.org/officeDocument/2006/relationships/image" Target="../media/image119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8.png"/><Relationship Id="rId5" Type="http://schemas.openxmlformats.org/officeDocument/2006/relationships/image" Target="../media/image117.png"/><Relationship Id="rId10" Type="http://schemas.openxmlformats.org/officeDocument/2006/relationships/image" Target="../media/image122.png"/><Relationship Id="rId4" Type="http://schemas.openxmlformats.org/officeDocument/2006/relationships/image" Target="../media/image116.png"/><Relationship Id="rId9" Type="http://schemas.openxmlformats.org/officeDocument/2006/relationships/image" Target="../media/image121.png"/></Relationships>
</file>

<file path=ppt/slides/_rels/slide6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8.png"/><Relationship Id="rId3" Type="http://schemas.openxmlformats.org/officeDocument/2006/relationships/image" Target="../media/image123.png"/><Relationship Id="rId7" Type="http://schemas.openxmlformats.org/officeDocument/2006/relationships/image" Target="../media/image127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6.png"/><Relationship Id="rId11" Type="http://schemas.openxmlformats.org/officeDocument/2006/relationships/image" Target="../media/image131.png"/><Relationship Id="rId5" Type="http://schemas.openxmlformats.org/officeDocument/2006/relationships/image" Target="../media/image125.png"/><Relationship Id="rId10" Type="http://schemas.openxmlformats.org/officeDocument/2006/relationships/image" Target="../media/image130.png"/><Relationship Id="rId4" Type="http://schemas.openxmlformats.org/officeDocument/2006/relationships/image" Target="../media/image124.png"/><Relationship Id="rId9" Type="http://schemas.openxmlformats.org/officeDocument/2006/relationships/image" Target="../media/image129.png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2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3.JPG"/><Relationship Id="rId7" Type="http://schemas.openxmlformats.org/officeDocument/2006/relationships/image" Target="../media/image137.jpe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6.png"/><Relationship Id="rId5" Type="http://schemas.openxmlformats.org/officeDocument/2006/relationships/image" Target="../media/image135.png"/><Relationship Id="rId4" Type="http://schemas.openxmlformats.org/officeDocument/2006/relationships/image" Target="../media/image134.png"/></Relationships>
</file>

<file path=ppt/slides/_rels/slide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7" Type="http://schemas.openxmlformats.org/officeDocument/2006/relationships/image" Target="../media/image22.jpeg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image" Target="../media/image21.jpeg"/><Relationship Id="rId5" Type="http://schemas.openxmlformats.org/officeDocument/2006/relationships/slideLayout" Target="../slideLayouts/slideLayout1.xml"/><Relationship Id="rId4" Type="http://schemas.openxmlformats.org/officeDocument/2006/relationships/tags" Target="../tags/tag8.xml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9.xml"/><Relationship Id="rId4" Type="http://schemas.openxmlformats.org/officeDocument/2006/relationships/image" Target="../media/image138.png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0.xml"/><Relationship Id="rId4" Type="http://schemas.openxmlformats.org/officeDocument/2006/relationships/image" Target="../media/image139.png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7" Type="http://schemas.openxmlformats.org/officeDocument/2006/relationships/image" Target="../media/image143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1.xml"/><Relationship Id="rId6" Type="http://schemas.openxmlformats.org/officeDocument/2006/relationships/image" Target="../media/image142.png"/><Relationship Id="rId5" Type="http://schemas.openxmlformats.org/officeDocument/2006/relationships/image" Target="../media/image141.png"/><Relationship Id="rId4" Type="http://schemas.openxmlformats.org/officeDocument/2006/relationships/image" Target="../media/image140.png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7" Type="http://schemas.openxmlformats.org/officeDocument/2006/relationships/image" Target="../media/image147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2.xml"/><Relationship Id="rId6" Type="http://schemas.openxmlformats.org/officeDocument/2006/relationships/image" Target="../media/image146.png"/><Relationship Id="rId5" Type="http://schemas.openxmlformats.org/officeDocument/2006/relationships/image" Target="../media/image145.png"/><Relationship Id="rId4" Type="http://schemas.openxmlformats.org/officeDocument/2006/relationships/image" Target="../media/image144.png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3.xml"/><Relationship Id="rId6" Type="http://schemas.openxmlformats.org/officeDocument/2006/relationships/image" Target="../media/image149.png"/><Relationship Id="rId5" Type="http://schemas.openxmlformats.org/officeDocument/2006/relationships/image" Target="../media/image148.png"/><Relationship Id="rId4" Type="http://schemas.openxmlformats.org/officeDocument/2006/relationships/image" Target="../media/image144.png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4.xml"/><Relationship Id="rId6" Type="http://schemas.openxmlformats.org/officeDocument/2006/relationships/image" Target="../media/image151.png"/><Relationship Id="rId5" Type="http://schemas.openxmlformats.org/officeDocument/2006/relationships/image" Target="../media/image150.JPG"/><Relationship Id="rId4" Type="http://schemas.openxmlformats.org/officeDocument/2006/relationships/image" Target="../media/image144.png"/></Relationships>
</file>

<file path=ppt/slides/_rels/slide7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5.xml"/><Relationship Id="rId5" Type="http://schemas.openxmlformats.org/officeDocument/2006/relationships/image" Target="../media/image152.png"/><Relationship Id="rId4" Type="http://schemas.openxmlformats.org/officeDocument/2006/relationships/image" Target="../media/image144.png"/></Relationships>
</file>

<file path=ppt/slides/_rels/slide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6.xml"/><Relationship Id="rId5" Type="http://schemas.openxmlformats.org/officeDocument/2006/relationships/image" Target="../media/image153.png"/><Relationship Id="rId4" Type="http://schemas.openxmlformats.org/officeDocument/2006/relationships/image" Target="../media/image144.png"/></Relationships>
</file>

<file path=ppt/slides/_rels/slide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7.xml"/><Relationship Id="rId5" Type="http://schemas.openxmlformats.org/officeDocument/2006/relationships/image" Target="../media/image154.png"/><Relationship Id="rId4" Type="http://schemas.openxmlformats.org/officeDocument/2006/relationships/image" Target="../media/image144.png"/></Relationships>
</file>

<file path=ppt/slides/_rels/slide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8.xml"/><Relationship Id="rId5" Type="http://schemas.openxmlformats.org/officeDocument/2006/relationships/image" Target="../media/image155.png"/><Relationship Id="rId4" Type="http://schemas.openxmlformats.org/officeDocument/2006/relationships/image" Target="../media/image144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jpeg"/><Relationship Id="rId3" Type="http://schemas.openxmlformats.org/officeDocument/2006/relationships/tags" Target="../tags/tag11.xml"/><Relationship Id="rId7" Type="http://schemas.openxmlformats.org/officeDocument/2006/relationships/image" Target="../media/image21.jpeg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slideLayout" Target="../slideLayouts/slideLayout2.xml"/><Relationship Id="rId5" Type="http://schemas.openxmlformats.org/officeDocument/2006/relationships/tags" Target="../tags/tag13.xml"/><Relationship Id="rId4" Type="http://schemas.openxmlformats.org/officeDocument/2006/relationships/tags" Target="../tags/tag12.xml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9.xml"/><Relationship Id="rId5" Type="http://schemas.openxmlformats.org/officeDocument/2006/relationships/image" Target="../media/image156.png"/><Relationship Id="rId4" Type="http://schemas.openxmlformats.org/officeDocument/2006/relationships/image" Target="../media/image144.png"/></Relationships>
</file>

<file path=ppt/slides/_rels/slide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8.png"/><Relationship Id="rId2" Type="http://schemas.openxmlformats.org/officeDocument/2006/relationships/image" Target="../media/image157.jpe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60.png"/><Relationship Id="rId4" Type="http://schemas.openxmlformats.org/officeDocument/2006/relationships/image" Target="../media/image159.png"/></Relationships>
</file>

<file path=ppt/slides/_rels/slide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0.xml"/></Relationships>
</file>

<file path=ppt/slides/_rels/slide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1.xml"/></Relationships>
</file>

<file path=ppt/slides/_rels/slide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2.xml"/></Relationships>
</file>

<file path=ppt/slides/_rels/slide8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2.png"/><Relationship Id="rId3" Type="http://schemas.openxmlformats.org/officeDocument/2006/relationships/image" Target="../media/image46.jpeg"/><Relationship Id="rId7" Type="http://schemas.openxmlformats.org/officeDocument/2006/relationships/image" Target="../media/image161.jpe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7.png"/><Relationship Id="rId5" Type="http://schemas.openxmlformats.org/officeDocument/2006/relationships/image" Target="../media/image56.png"/><Relationship Id="rId4" Type="http://schemas.openxmlformats.org/officeDocument/2006/relationships/image" Target="../media/image41.jpeg"/><Relationship Id="rId9" Type="http://schemas.openxmlformats.org/officeDocument/2006/relationships/image" Target="../media/image163.png"/></Relationships>
</file>

<file path=ppt/slides/_rels/slide8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3.xml"/><Relationship Id="rId4" Type="http://schemas.openxmlformats.org/officeDocument/2006/relationships/image" Target="../media/image144.png"/></Relationships>
</file>

<file path=ppt/slides/_rels/slide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4.xml"/><Relationship Id="rId5" Type="http://schemas.openxmlformats.org/officeDocument/2006/relationships/image" Target="../media/image164.png"/><Relationship Id="rId4" Type="http://schemas.openxmlformats.org/officeDocument/2006/relationships/image" Target="../media/image144.png"/></Relationships>
</file>

<file path=ppt/slides/_rels/slide8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5.xml"/><Relationship Id="rId4" Type="http://schemas.openxmlformats.org/officeDocument/2006/relationships/image" Target="../media/image16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7" Type="http://schemas.openxmlformats.org/officeDocument/2006/relationships/image" Target="../media/image22.jpeg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6" Type="http://schemas.openxmlformats.org/officeDocument/2006/relationships/image" Target="../media/image21.jpeg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77DDC67-5A1C-44B9-B67D-A244D727A2B8}"/>
              </a:ext>
            </a:extLst>
          </p:cNvPr>
          <p:cNvSpPr txBox="1"/>
          <p:nvPr/>
        </p:nvSpPr>
        <p:spPr>
          <a:xfrm>
            <a:off x="852487" y="362453"/>
            <a:ext cx="816768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FF0000"/>
                </a:solidFill>
              </a:rPr>
              <a:t>ASSEMBLEE GENERALE EAT BASKET LA TESSOUALLE 2022-2023</a:t>
            </a:r>
          </a:p>
          <a:p>
            <a:r>
              <a:rPr lang="fr-FR" sz="2400" b="1" dirty="0">
                <a:solidFill>
                  <a:srgbClr val="FF0000"/>
                </a:solidFill>
              </a:rPr>
              <a:t>	            ET LANCEMENT SAISON 2023-2024  </a:t>
            </a:r>
            <a:endParaRPr lang="en-US" sz="2400" b="1" dirty="0">
              <a:solidFill>
                <a:srgbClr val="FF0000"/>
              </a:solidFill>
            </a:endParaRP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2E35101A-D7E0-4A95-9686-9E34203A8AF8}"/>
              </a:ext>
            </a:extLst>
          </p:cNvPr>
          <p:cNvSpPr txBox="1"/>
          <p:nvPr/>
        </p:nvSpPr>
        <p:spPr>
          <a:xfrm>
            <a:off x="3271879" y="1328621"/>
            <a:ext cx="44291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FF0000"/>
                </a:solidFill>
              </a:rPr>
              <a:t>SAMEDI 16 SEPTEMBRE 2023 </a:t>
            </a:r>
            <a:endParaRPr lang="en-US" sz="2400" b="1" dirty="0">
              <a:solidFill>
                <a:srgbClr val="FF0000"/>
              </a:solidFill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A2AEA6B2-A1D7-865B-F79A-39F6836972A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883987"/>
            <a:ext cx="12192000" cy="43781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13018918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2" name="Picture 2" descr="EAT Basket - La Tessoualle - basket - Score'n'co">
            <a:extLst>
              <a:ext uri="{FF2B5EF4-FFF2-40B4-BE49-F238E27FC236}">
                <a16:creationId xmlns:a16="http://schemas.microsoft.com/office/drawing/2014/main" id="{5CB2553A-4886-9ACE-70B6-514ACA501D6D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6375" y="415925"/>
            <a:ext cx="2709863" cy="1517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4" descr="Le règlement de basket - Casal Sport">
            <a:extLst>
              <a:ext uri="{FF2B5EF4-FFF2-40B4-BE49-F238E27FC236}">
                <a16:creationId xmlns:a16="http://schemas.microsoft.com/office/drawing/2014/main" id="{7CF8ACCB-A897-7FFF-8E46-E6DE68640676}"/>
              </a:ext>
            </a:extLst>
          </p:cNvPr>
          <p:cNvPicPr>
            <a:picLocks noChangeAspect="1" noChangeArrowheads="1"/>
          </p:cNvPicPr>
          <p:nvPr>
            <p:custDataLst>
              <p:tags r:id="rId2"/>
            </p:custDataLst>
          </p:nvPr>
        </p:nvPicPr>
        <p:blipFill>
          <a:blip r:embed="rId7"/>
          <a:srcRect/>
          <a:stretch>
            <a:fillRect/>
          </a:stretch>
        </p:blipFill>
        <p:spPr bwMode="auto">
          <a:xfrm>
            <a:off x="9282393" y="251012"/>
            <a:ext cx="2305050" cy="1981200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  <p:sp>
        <p:nvSpPr>
          <p:cNvPr id="5124" name="ZoneTexte 1">
            <a:extLst>
              <a:ext uri="{FF2B5EF4-FFF2-40B4-BE49-F238E27FC236}">
                <a16:creationId xmlns:a16="http://schemas.microsoft.com/office/drawing/2014/main" id="{D3C0CF4C-5830-2D6E-4B65-DCFF0D9ED95B}"/>
              </a:ext>
            </a:extLst>
          </p:cNvPr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3890963" y="600075"/>
            <a:ext cx="4410075" cy="163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6000"/>
              <a:t>Pôle sportif</a:t>
            </a:r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4000"/>
              <a:t>Staff technique</a:t>
            </a:r>
          </a:p>
        </p:txBody>
      </p:sp>
      <p:sp>
        <p:nvSpPr>
          <p:cNvPr id="5125" name="ZoneTexte 2">
            <a:extLst>
              <a:ext uri="{FF2B5EF4-FFF2-40B4-BE49-F238E27FC236}">
                <a16:creationId xmlns:a16="http://schemas.microsoft.com/office/drawing/2014/main" id="{E3D1DF0E-C410-A209-A7DC-AF861EDB467D}"/>
              </a:ext>
            </a:extLst>
          </p:cNvPr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528638" y="2497138"/>
            <a:ext cx="10668000" cy="42465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1 salarié à plein temps diplômé BPJEPS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1 salarié BPJEPS en contrat d’apprentissage à l’IRSS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1 entraineuse Master 2 en activités physiques et sportives, Prof EPS et en formation DETB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1 entraineur brevet d’état 1 pour les seniors 1 et 2 masculins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  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3 animateurs Brevet fédéral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8 animateurs DA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1 entraineur Brevet d’état  2 (responsable pôle sportif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 i="1" dirty="0">
                <a:solidFill>
                  <a:srgbClr val="FF0000"/>
                </a:solidFill>
              </a:rPr>
              <a:t>Nous manquons d’arbitres et de coachs pour certaines catégories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125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46" name="Picture 2" descr="EAT Basket - La Tessoualle - basket - Score'n'co">
            <a:extLst>
              <a:ext uri="{FF2B5EF4-FFF2-40B4-BE49-F238E27FC236}">
                <a16:creationId xmlns:a16="http://schemas.microsoft.com/office/drawing/2014/main" id="{C9695B89-E997-2471-A09A-8AC36D31D306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6375" y="415925"/>
            <a:ext cx="2709863" cy="1517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4" descr="Le règlement de basket - Casal Sport">
            <a:extLst>
              <a:ext uri="{FF2B5EF4-FFF2-40B4-BE49-F238E27FC236}">
                <a16:creationId xmlns:a16="http://schemas.microsoft.com/office/drawing/2014/main" id="{8E6CB3D4-98B5-0DE7-4816-3454C5EA1901}"/>
              </a:ext>
            </a:extLst>
          </p:cNvPr>
          <p:cNvPicPr>
            <a:picLocks noChangeAspect="1" noChangeArrowheads="1"/>
          </p:cNvPicPr>
          <p:nvPr>
            <p:custDataLst>
              <p:tags r:id="rId2"/>
            </p:custDataLst>
          </p:nvPr>
        </p:nvPicPr>
        <p:blipFill>
          <a:blip r:embed="rId8"/>
          <a:srcRect/>
          <a:stretch>
            <a:fillRect/>
          </a:stretch>
        </p:blipFill>
        <p:spPr bwMode="auto">
          <a:xfrm>
            <a:off x="9282393" y="251012"/>
            <a:ext cx="2305050" cy="1981200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  <p:sp>
        <p:nvSpPr>
          <p:cNvPr id="6148" name="ZoneTexte 1">
            <a:extLst>
              <a:ext uri="{FF2B5EF4-FFF2-40B4-BE49-F238E27FC236}">
                <a16:creationId xmlns:a16="http://schemas.microsoft.com/office/drawing/2014/main" id="{012AEE7B-BEFD-4D12-674A-AD27E8319CF9}"/>
              </a:ext>
            </a:extLst>
          </p:cNvPr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3798888" y="415925"/>
            <a:ext cx="4411662" cy="19383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6000"/>
              <a:t>Pôle sportif</a:t>
            </a:r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4000"/>
              <a:t>Ouverture</a:t>
            </a:r>
            <a:r>
              <a:rPr lang="fr-FR" altLang="fr-FR" sz="6000"/>
              <a:t> </a:t>
            </a:r>
          </a:p>
        </p:txBody>
      </p:sp>
      <p:sp>
        <p:nvSpPr>
          <p:cNvPr id="6149" name="ZoneTexte 2">
            <a:extLst>
              <a:ext uri="{FF2B5EF4-FFF2-40B4-BE49-F238E27FC236}">
                <a16:creationId xmlns:a16="http://schemas.microsoft.com/office/drawing/2014/main" id="{F9DCBA2F-4DCC-0CEE-C257-E5AEC9D5FC00}"/>
              </a:ext>
            </a:extLst>
          </p:cNvPr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604838" y="2193925"/>
            <a:ext cx="10566400" cy="23098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 dirty="0"/>
              <a:t>Rapprochement avec le Puy Saint Bonnet :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- Les stages de congés seront maintenus en communs en tenant compte des remarques concernant les déplacements inappropriés au Puy, au cours du dernier camp d’été.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- Entrainement commun des U17 M au Puy avec un entraineur du Puy 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</p:txBody>
      </p:sp>
      <p:sp>
        <p:nvSpPr>
          <p:cNvPr id="6150" name="ZoneTexte 5">
            <a:extLst>
              <a:ext uri="{FF2B5EF4-FFF2-40B4-BE49-F238E27FC236}">
                <a16:creationId xmlns:a16="http://schemas.microsoft.com/office/drawing/2014/main" id="{4C13DE89-0CFF-E5F1-05B8-096184EE118E}"/>
              </a:ext>
            </a:extLst>
          </p:cNvPr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581819" y="4010212"/>
            <a:ext cx="7552365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 dirty="0"/>
              <a:t>Signature d’une Convention Territoriale de Club (CTC) avec Cholet Basket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marL="285750" indent="-285750" eaLnBrk="1" hangingPunct="1">
              <a:lnSpc>
                <a:spcPct val="100000"/>
              </a:lnSpc>
              <a:spcBef>
                <a:spcPct val="0"/>
              </a:spcBef>
              <a:buFontTx/>
              <a:buChar char="-"/>
            </a:pPr>
            <a:r>
              <a:rPr lang="fr-FR" altLang="fr-FR" sz="1800" dirty="0"/>
              <a:t>Équipe commune en senior masculin </a:t>
            </a:r>
          </a:p>
          <a:p>
            <a:pPr marL="285750" indent="-285750" eaLnBrk="1" hangingPunct="1">
              <a:lnSpc>
                <a:spcPct val="100000"/>
              </a:lnSpc>
              <a:spcBef>
                <a:spcPct val="0"/>
              </a:spcBef>
              <a:buFontTx/>
              <a:buChar char="-"/>
            </a:pPr>
            <a:r>
              <a:rPr lang="fr-FR" altLang="fr-FR" sz="1800" dirty="0"/>
              <a:t>(</a:t>
            </a:r>
            <a:r>
              <a:rPr lang="fr-FR" altLang="fr-FR" sz="1800" i="1" dirty="0"/>
              <a:t>pérenniser l’effectif senior 1 à un bon niveau régional voire inter-régional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- Équipes communes en U13F </a:t>
            </a:r>
            <a:r>
              <a:rPr lang="fr-FR" altLang="fr-FR" sz="1800" i="1" dirty="0"/>
              <a:t>(pallier les manques ou les trop-pleins d’effectifs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- Mise en place d’un tournoi 3X3 en fin de saison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- Mise en place du basket santé à la Tessoualle et à Cholet Baske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0634350-D493-80CF-F897-ADACB3A73CED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8210550" y="3175279"/>
            <a:ext cx="3594825" cy="3580031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149" grpId="0"/>
      <p:bldP spid="6150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Logo&#10;&#10;Description automatically generated">
            <a:extLst>
              <a:ext uri="{FF2B5EF4-FFF2-40B4-BE49-F238E27FC236}">
                <a16:creationId xmlns:a16="http://schemas.microsoft.com/office/drawing/2014/main" id="{56F39779-5F89-4A1B-9D79-0123F1E970C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38100"/>
            <a:ext cx="2895600" cy="158115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8BF54F32-2400-4DCF-BE4D-F090E77F61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19498" y="1733316"/>
            <a:ext cx="4245075" cy="496224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FBDD6DB-1DB8-523B-0159-395AA9C747AE}"/>
              </a:ext>
            </a:extLst>
          </p:cNvPr>
          <p:cNvSpPr txBox="1"/>
          <p:nvPr/>
        </p:nvSpPr>
        <p:spPr>
          <a:xfrm>
            <a:off x="3744922" y="21808"/>
            <a:ext cx="368145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200" dirty="0">
                <a:highlight>
                  <a:srgbClr val="FF0000"/>
                </a:highlight>
              </a:rPr>
              <a:t>ECOLE D’ARBITRAGE</a:t>
            </a:r>
            <a:endParaRPr lang="en-US" sz="3200" dirty="0">
              <a:highlight>
                <a:srgbClr val="FF0000"/>
              </a:highlight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913EBE0-F534-EFA3-5748-EF7A8C39A029}"/>
              </a:ext>
            </a:extLst>
          </p:cNvPr>
          <p:cNvSpPr txBox="1"/>
          <p:nvPr/>
        </p:nvSpPr>
        <p:spPr>
          <a:xfrm>
            <a:off x="4242018" y="1452942"/>
            <a:ext cx="306522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. Dans le cadre du DAE</a:t>
            </a:r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72B4367-062B-83CC-50B4-5134C5AB2872}"/>
              </a:ext>
            </a:extLst>
          </p:cNvPr>
          <p:cNvSpPr txBox="1"/>
          <p:nvPr/>
        </p:nvSpPr>
        <p:spPr>
          <a:xfrm>
            <a:off x="4242019" y="794574"/>
            <a:ext cx="4409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. Dans le cadre des JDA ( 7 PSB / 30 EAT )</a:t>
            </a:r>
          </a:p>
          <a:p>
            <a:r>
              <a:rPr lang="fr-FR" dirty="0"/>
              <a:t>( Journées Départemental de l’Arbitrage ) </a:t>
            </a:r>
            <a:endParaRPr lang="en-US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8D3F774-DFAF-0CBD-1292-9ACC1BEB86CB}"/>
              </a:ext>
            </a:extLst>
          </p:cNvPr>
          <p:cNvSpPr txBox="1"/>
          <p:nvPr/>
        </p:nvSpPr>
        <p:spPr>
          <a:xfrm>
            <a:off x="4249682" y="1887218"/>
            <a:ext cx="360592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. Dans le cadre de l’Ecole de Basket :  </a:t>
            </a:r>
          </a:p>
          <a:p>
            <a:r>
              <a:rPr lang="fr-FR" dirty="0"/>
              <a:t>  8 arbitres Club formés à L’EAT !</a:t>
            </a:r>
            <a:endParaRPr lang="en-US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A92B7AC-E2F0-BA36-96B1-5916A31F8D0B}"/>
              </a:ext>
            </a:extLst>
          </p:cNvPr>
          <p:cNvSpPr txBox="1"/>
          <p:nvPr/>
        </p:nvSpPr>
        <p:spPr>
          <a:xfrm>
            <a:off x="4102872" y="2626432"/>
            <a:ext cx="34230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 </a:t>
            </a:r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908A1F82-AAC6-2B5F-658B-7A136D8EAB91}"/>
              </a:ext>
            </a:extLst>
          </p:cNvPr>
          <p:cNvSpPr txBox="1"/>
          <p:nvPr/>
        </p:nvSpPr>
        <p:spPr>
          <a:xfrm>
            <a:off x="4242017" y="2540534"/>
            <a:ext cx="328389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 =&gt; N°1 dans le département ! </a:t>
            </a:r>
            <a:endParaRPr lang="en-US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D7584A48-379C-7C8A-9A5E-B568629EDF5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3413" y="752475"/>
            <a:ext cx="4027043" cy="2655862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DB6CFC47-6D25-6C08-CC56-D5EAE385112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37970" y="3738301"/>
            <a:ext cx="5613904" cy="2957262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11195EC4-FC87-1632-9E6B-4BFE9201BFE1}"/>
              </a:ext>
            </a:extLst>
          </p:cNvPr>
          <p:cNvSpPr txBox="1"/>
          <p:nvPr/>
        </p:nvSpPr>
        <p:spPr>
          <a:xfrm>
            <a:off x="4242017" y="3028354"/>
            <a:ext cx="360592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. Tee-shirt arbitre ‘Pédagogique’</a:t>
            </a:r>
          </a:p>
          <a:p>
            <a:r>
              <a:rPr lang="fr-FR" dirty="0"/>
              <a:t> ( exclusivité EAT BASKET dans le 49 )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11134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8" grpId="0"/>
      <p:bldP spid="10" grpId="0"/>
      <p:bldP spid="13" grpId="0"/>
      <p:bldP spid="19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ZoneTexte 4">
            <a:extLst>
              <a:ext uri="{FF2B5EF4-FFF2-40B4-BE49-F238E27FC236}">
                <a16:creationId xmlns:a16="http://schemas.microsoft.com/office/drawing/2014/main" id="{9254C688-FB5D-441B-8E7E-34643960819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671447" y="522714"/>
            <a:ext cx="7043928" cy="12003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5400" b="1" dirty="0">
                <a:solidFill>
                  <a:srgbClr val="FF0000"/>
                </a:solidFill>
              </a:rPr>
              <a:t>B - LE VIVRE ENSEMBLE  </a:t>
            </a:r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417825A-DEA8-4315-9DBF-A3AE61272E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883987"/>
            <a:ext cx="12192000" cy="43781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40100565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0E862FC-81A4-4CF0-9336-0ACBAA3DC09B}"/>
              </a:ext>
            </a:extLst>
          </p:cNvPr>
          <p:cNvSpPr txBox="1"/>
          <p:nvPr/>
        </p:nvSpPr>
        <p:spPr>
          <a:xfrm>
            <a:off x="844382" y="537865"/>
            <a:ext cx="813435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600" b="1" dirty="0">
                <a:solidFill>
                  <a:srgbClr val="FF0000"/>
                </a:solidFill>
              </a:rPr>
              <a:t>RECONDUCTION DU LABEL FFBB CITOYEN</a:t>
            </a:r>
            <a:endParaRPr lang="en-US" sz="3600" b="1" dirty="0">
              <a:solidFill>
                <a:srgbClr val="FF0000"/>
              </a:solidFill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E74B386B-EA75-4077-D763-915D64952EF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06526" y="1656380"/>
            <a:ext cx="3085106" cy="43900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77309726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5ABAD52-717A-4780-9BD8-75FF268C626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3607" y="1773216"/>
            <a:ext cx="11715860" cy="4632115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089500D-2EB5-4EC3-9BBA-A6AC2FE148A2}"/>
              </a:ext>
            </a:extLst>
          </p:cNvPr>
          <p:cNvSpPr txBox="1"/>
          <p:nvPr/>
        </p:nvSpPr>
        <p:spPr bwMode="gray">
          <a:xfrm>
            <a:off x="259163" y="885285"/>
            <a:ext cx="5472608" cy="476272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defTabSz="1219170">
              <a:lnSpc>
                <a:spcPct val="90000"/>
              </a:lnSpc>
            </a:pPr>
            <a:r>
              <a:rPr lang="fr-FR" sz="1867" b="1" dirty="0">
                <a:latin typeface="AdiHaus"/>
              </a:rPr>
              <a:t>1 - ENVIRONNEMENT ET TRANSITION ECOLOGIQUE 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3126253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9023E443-35C1-496A-BF4F-B862FE9D46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44478" y="771525"/>
            <a:ext cx="4036497" cy="5956076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A477252B-6B5A-46B2-AF2A-EC1D3B648920}"/>
              </a:ext>
            </a:extLst>
          </p:cNvPr>
          <p:cNvSpPr txBox="1"/>
          <p:nvPr/>
        </p:nvSpPr>
        <p:spPr bwMode="gray">
          <a:xfrm>
            <a:off x="365840" y="305637"/>
            <a:ext cx="3744416" cy="28425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defTabSz="1219170">
              <a:lnSpc>
                <a:spcPct val="90000"/>
              </a:lnSpc>
            </a:pPr>
            <a:r>
              <a:rPr lang="fr-FR" sz="1867" b="1" dirty="0">
                <a:latin typeface="AdiHaus"/>
              </a:rPr>
              <a:t>2 - INTEGRATION ET DIVERSIT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576458"/>
      </p:ext>
    </p:extLst>
  </p:cSld>
  <p:clrMapOvr>
    <a:masterClrMapping/>
  </p:clrMapOvr>
  <p:transition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95C5585E-494A-4564-962D-CE27BC5FF4AA}"/>
              </a:ext>
            </a:extLst>
          </p:cNvPr>
          <p:cNvSpPr txBox="1"/>
          <p:nvPr/>
        </p:nvSpPr>
        <p:spPr bwMode="gray">
          <a:xfrm>
            <a:off x="393092" y="687963"/>
            <a:ext cx="2880320" cy="384043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defTabSz="1219170">
              <a:lnSpc>
                <a:spcPct val="90000"/>
              </a:lnSpc>
            </a:pPr>
            <a:r>
              <a:rPr lang="fr-FR" sz="1867" b="1" dirty="0">
                <a:latin typeface="AdiHaus"/>
              </a:rPr>
              <a:t>3 - ETHIQUE ET RESPECT  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3B6DBEE-A988-41DB-B3DE-0E1D0C63BA5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1063" y="1562101"/>
            <a:ext cx="3464379" cy="522695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3C076E4F-EE8E-4E5F-B966-C1EC5BADE11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860057" y="1997328"/>
            <a:ext cx="3876139" cy="421599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90B6F60C-67E7-4A02-AFC7-6E48902E7240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7409732" y="2352990"/>
            <a:ext cx="5105400" cy="38290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88731759"/>
      </p:ext>
    </p:extLst>
  </p:cSld>
  <p:clrMapOvr>
    <a:masterClrMapping/>
  </p:clrMapOvr>
  <p:transition>
    <p:fade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E4DE2A20-EAAE-495E-8B72-28179B7F8F99}"/>
              </a:ext>
            </a:extLst>
          </p:cNvPr>
          <p:cNvSpPr txBox="1"/>
          <p:nvPr/>
        </p:nvSpPr>
        <p:spPr bwMode="gray">
          <a:xfrm>
            <a:off x="335360" y="644691"/>
            <a:ext cx="3360405" cy="218216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defTabSz="1219170">
              <a:lnSpc>
                <a:spcPct val="90000"/>
              </a:lnSpc>
            </a:pPr>
            <a:r>
              <a:rPr lang="fr-FR" sz="1867" b="1" dirty="0">
                <a:latin typeface="AdiHaus"/>
              </a:rPr>
              <a:t>4 - SOLIDARITE ET PARTAGE </a:t>
            </a:r>
          </a:p>
          <a:p>
            <a:pPr defTabSz="1219170">
              <a:lnSpc>
                <a:spcPct val="90000"/>
              </a:lnSpc>
            </a:pPr>
            <a:endParaRPr lang="fr-FR" sz="1867" b="1" dirty="0">
              <a:solidFill>
                <a:srgbClr val="FF0000"/>
              </a:solidFill>
              <a:latin typeface="AdiHaus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01ABE1C-E5CA-4517-8070-628385B9C07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741089" y="1660427"/>
            <a:ext cx="3289367" cy="4992553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1415152E-B10A-46F0-9F88-D563E3EBD4D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56595" y="1490295"/>
            <a:ext cx="3780365" cy="531730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B4294E8-7ECD-414E-9026-FB721E11F34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36920" y="2236490"/>
            <a:ext cx="4576320" cy="355239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46774386"/>
      </p:ext>
    </p:extLst>
  </p:cSld>
  <p:clrMapOvr>
    <a:masterClrMapping/>
  </p:clrMapOvr>
  <p:transition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B289EB00-1134-44A7-BE17-341C3AF8FD92}"/>
              </a:ext>
            </a:extLst>
          </p:cNvPr>
          <p:cNvSpPr txBox="1"/>
          <p:nvPr/>
        </p:nvSpPr>
        <p:spPr bwMode="gray">
          <a:xfrm>
            <a:off x="4329488" y="1405467"/>
            <a:ext cx="3628449" cy="276520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defTabSz="1219170">
              <a:lnSpc>
                <a:spcPct val="90000"/>
              </a:lnSpc>
            </a:pPr>
            <a:r>
              <a:rPr lang="fr-FR" sz="1867" b="1" dirty="0">
                <a:solidFill>
                  <a:srgbClr val="FF0000"/>
                </a:solidFill>
                <a:latin typeface="AdiHaus"/>
              </a:rPr>
              <a:t>INVITATION SHARE YOUR SHOES  </a:t>
            </a:r>
            <a:r>
              <a:rPr lang="fr-FR" sz="1600" b="1" dirty="0">
                <a:solidFill>
                  <a:srgbClr val="FFFFFF">
                    <a:lumMod val="65000"/>
                  </a:srgbClr>
                </a:solidFill>
                <a:latin typeface="AdiHaus"/>
              </a:rPr>
              <a:t> 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4899ED4-4126-4F93-8BDA-1A945FCDD0B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62682" y="2276872"/>
            <a:ext cx="3695255" cy="2899627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807DBC3B-BC3E-4F80-B050-8799135D2181}"/>
              </a:ext>
            </a:extLst>
          </p:cNvPr>
          <p:cNvSpPr txBox="1"/>
          <p:nvPr/>
        </p:nvSpPr>
        <p:spPr bwMode="gray">
          <a:xfrm>
            <a:off x="138096" y="528043"/>
            <a:ext cx="3941680" cy="276520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defTabSz="1219170">
              <a:lnSpc>
                <a:spcPct val="90000"/>
              </a:lnSpc>
            </a:pPr>
            <a:r>
              <a:rPr lang="fr-FR" sz="1867" b="1" dirty="0">
                <a:latin typeface="AdiHaus"/>
              </a:rPr>
              <a:t>4 - SOLIDARITE ET PARTAGE ( suite )</a:t>
            </a:r>
          </a:p>
          <a:p>
            <a:pPr defTabSz="1219170">
              <a:lnSpc>
                <a:spcPct val="90000"/>
              </a:lnSpc>
            </a:pPr>
            <a:endParaRPr lang="fr-FR" sz="1867" b="1" dirty="0">
              <a:solidFill>
                <a:srgbClr val="FF0000"/>
              </a:solidFill>
              <a:latin typeface="AdiHaus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FFD7231-92DA-417B-826D-DCB63375361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38096" y="1935735"/>
            <a:ext cx="4039164" cy="358190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B991B073-BF62-47F1-929A-92C7D4DFCD1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07178" y="1935735"/>
            <a:ext cx="4020501" cy="35819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61529344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Box 11">
            <a:extLst>
              <a:ext uri="{FF2B5EF4-FFF2-40B4-BE49-F238E27FC236}">
                <a16:creationId xmlns:a16="http://schemas.microsoft.com/office/drawing/2014/main" id="{58A5B8D3-3ED8-4F5C-83E9-5B6AD9E92050}"/>
              </a:ext>
            </a:extLst>
          </p:cNvPr>
          <p:cNvSpPr txBox="1"/>
          <p:nvPr/>
        </p:nvSpPr>
        <p:spPr>
          <a:xfrm>
            <a:off x="787137" y="2193804"/>
            <a:ext cx="9684711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dirty="0"/>
              <a:t>② - </a:t>
            </a:r>
            <a:r>
              <a:rPr lang="fr-FR" sz="3200" b="1" u="sng" dirty="0"/>
              <a:t>BILAN FINANCIER + PARTENAIRES </a:t>
            </a:r>
            <a:endParaRPr lang="en-US" sz="2400" b="1" dirty="0">
              <a:solidFill>
                <a:srgbClr val="FF0000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8D04184E-4D92-4F28-9BBA-0ED7E3ADB1A7}"/>
              </a:ext>
            </a:extLst>
          </p:cNvPr>
          <p:cNvSpPr txBox="1"/>
          <p:nvPr/>
        </p:nvSpPr>
        <p:spPr>
          <a:xfrm>
            <a:off x="787137" y="1397294"/>
            <a:ext cx="726140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fr-FR" altLang="en-US" sz="3200" b="1" dirty="0"/>
              <a:t>①</a:t>
            </a:r>
            <a:r>
              <a:rPr lang="fr-FR" sz="3200" b="1" dirty="0"/>
              <a:t> - </a:t>
            </a:r>
            <a:r>
              <a:rPr lang="fr-FR" sz="3200" b="1" u="sng" dirty="0"/>
              <a:t>POINT A DATE « 5 MAJEURS » </a:t>
            </a:r>
            <a:r>
              <a:rPr lang="fr-FR" sz="3200" b="1" dirty="0"/>
              <a:t>   </a:t>
            </a:r>
            <a:endParaRPr lang="en-US" sz="2800" b="1" dirty="0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278E6C2F-DB6A-4859-A031-199BD60EA0C8}"/>
              </a:ext>
            </a:extLst>
          </p:cNvPr>
          <p:cNvSpPr txBox="1"/>
          <p:nvPr/>
        </p:nvSpPr>
        <p:spPr>
          <a:xfrm>
            <a:off x="691887" y="4626336"/>
            <a:ext cx="10938056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dirty="0"/>
              <a:t> ⑤ - </a:t>
            </a:r>
            <a:r>
              <a:rPr lang="fr-FR" sz="3200" b="1" u="sng" dirty="0"/>
              <a:t>MATCHES DETENTE FAMILLE  </a:t>
            </a:r>
            <a:r>
              <a:rPr lang="fr-FR" sz="3200" b="1" dirty="0"/>
              <a:t>  </a:t>
            </a:r>
            <a:endParaRPr lang="en-US" sz="2400" b="1" dirty="0">
              <a:solidFill>
                <a:srgbClr val="FF0000"/>
              </a:solidFill>
            </a:endParaRPr>
          </a:p>
        </p:txBody>
      </p:sp>
      <p:pic>
        <p:nvPicPr>
          <p:cNvPr id="28" name="Picture 27" descr="Logo&#10;&#10;Description automatically generated">
            <a:extLst>
              <a:ext uri="{FF2B5EF4-FFF2-40B4-BE49-F238E27FC236}">
                <a16:creationId xmlns:a16="http://schemas.microsoft.com/office/drawing/2014/main" id="{CF2E3434-5058-4074-812A-66DB3782EDF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0298" y="-19050"/>
            <a:ext cx="1761702" cy="961982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89A98CCD-49BD-436D-8B4A-2018467AF000}"/>
              </a:ext>
            </a:extLst>
          </p:cNvPr>
          <p:cNvSpPr txBox="1"/>
          <p:nvPr/>
        </p:nvSpPr>
        <p:spPr>
          <a:xfrm>
            <a:off x="787137" y="2990314"/>
            <a:ext cx="11271430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dirty="0"/>
              <a:t>③ - </a:t>
            </a:r>
            <a:r>
              <a:rPr lang="fr-FR" sz="3200" b="1" u="sng" dirty="0"/>
              <a:t>REMERCIEMENTS et RECOMPENSES </a:t>
            </a:r>
            <a:r>
              <a:rPr lang="fr-FR" sz="2400" b="1" dirty="0">
                <a:solidFill>
                  <a:srgbClr val="FF0000"/>
                </a:solidFill>
              </a:rPr>
              <a:t> </a:t>
            </a:r>
            <a:endParaRPr lang="en-US" sz="3200" b="1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9A6ECF4-64A1-412A-B73C-694DEB0B2967}"/>
              </a:ext>
            </a:extLst>
          </p:cNvPr>
          <p:cNvSpPr txBox="1"/>
          <p:nvPr/>
        </p:nvSpPr>
        <p:spPr>
          <a:xfrm>
            <a:off x="7235645" y="5701177"/>
            <a:ext cx="33656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FF0000"/>
                </a:solidFill>
              </a:rPr>
              <a:t>AGENDA : 16h15 – 17h35   </a:t>
            </a:r>
            <a:endParaRPr lang="en-US" sz="2400" b="1" dirty="0">
              <a:solidFill>
                <a:srgbClr val="FF0000"/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7AE7941-FFAE-AB3B-7781-BDAAD4086016}"/>
              </a:ext>
            </a:extLst>
          </p:cNvPr>
          <p:cNvSpPr txBox="1"/>
          <p:nvPr/>
        </p:nvSpPr>
        <p:spPr>
          <a:xfrm>
            <a:off x="787137" y="3796375"/>
            <a:ext cx="10938056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dirty="0"/>
              <a:t>④ - </a:t>
            </a:r>
            <a:r>
              <a:rPr lang="fr-FR" sz="3200" b="1" u="sng" dirty="0"/>
              <a:t>COCKTAIL </a:t>
            </a:r>
            <a:endParaRPr lang="en-US" sz="32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60560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23" grpId="0"/>
      <p:bldP spid="27" grpId="0"/>
      <p:bldP spid="21" grpId="0"/>
      <p:bldP spid="13" grpId="0"/>
      <p:bldP spid="2" grpId="0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206FD671-03C3-46BF-9671-D21F3EE04D62}"/>
              </a:ext>
            </a:extLst>
          </p:cNvPr>
          <p:cNvSpPr txBox="1"/>
          <p:nvPr/>
        </p:nvSpPr>
        <p:spPr bwMode="gray">
          <a:xfrm>
            <a:off x="305264" y="533389"/>
            <a:ext cx="4800533" cy="476272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defTabSz="1219170">
              <a:lnSpc>
                <a:spcPct val="90000"/>
              </a:lnSpc>
            </a:pPr>
            <a:r>
              <a:rPr lang="fr-FR" sz="1867" b="1" dirty="0">
                <a:latin typeface="AdiHaus"/>
              </a:rPr>
              <a:t>5 - PRATIQUE FEMININE ET FEMINISATION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02302C20-2C73-42ED-BAB4-64364D7948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119" y="2505075"/>
            <a:ext cx="3656759" cy="2695574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DA8C744A-E230-4370-AE89-8A57B14FD0E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28526" y="2442587"/>
            <a:ext cx="4473355" cy="2820549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1D6321BD-FCFC-441C-9B99-B530EB068B96}"/>
              </a:ext>
            </a:extLst>
          </p:cNvPr>
          <p:cNvSpPr txBox="1"/>
          <p:nvPr/>
        </p:nvSpPr>
        <p:spPr>
          <a:xfrm>
            <a:off x="983180" y="1992889"/>
            <a:ext cx="21916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50% DES LICENCIES</a:t>
            </a:r>
            <a:endParaRPr lang="en-US" b="1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63B918B-B43F-435E-99FD-DAAAFE9DC19B}"/>
              </a:ext>
            </a:extLst>
          </p:cNvPr>
          <p:cNvSpPr txBox="1"/>
          <p:nvPr/>
        </p:nvSpPr>
        <p:spPr>
          <a:xfrm>
            <a:off x="5090183" y="773604"/>
            <a:ext cx="13185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     50-50 </a:t>
            </a:r>
          </a:p>
          <a:p>
            <a:r>
              <a:rPr lang="fr-FR" b="1" dirty="0"/>
              <a:t>( 8F et 8H  )</a:t>
            </a:r>
            <a:endParaRPr lang="en-US" b="1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7964A338-6CCD-4F62-AFD8-833D459274E6}"/>
              </a:ext>
            </a:extLst>
          </p:cNvPr>
          <p:cNvSpPr txBox="1"/>
          <p:nvPr/>
        </p:nvSpPr>
        <p:spPr>
          <a:xfrm>
            <a:off x="7708444" y="1992889"/>
            <a:ext cx="438885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MATCH 100% féminin ( dimanche 24 sept ) </a:t>
            </a:r>
            <a:endParaRPr lang="en-US" b="1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49B1E3B-54EA-F0A0-42B7-92F3F49C576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840929" y="1419935"/>
            <a:ext cx="3693546" cy="526313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76342607"/>
      </p:ext>
    </p:extLst>
  </p:cSld>
  <p:clrMapOvr>
    <a:masterClrMapping/>
  </p:clrMapOvr>
  <p:transition>
    <p:fade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ZoneTexte 5">
            <a:extLst>
              <a:ext uri="{FF2B5EF4-FFF2-40B4-BE49-F238E27FC236}">
                <a16:creationId xmlns:a16="http://schemas.microsoft.com/office/drawing/2014/main" id="{D2AFC14D-A52B-EDEE-378E-D2F7173969D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741738" y="369888"/>
            <a:ext cx="5478462" cy="1323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4000"/>
              <a:t>Pôle sportif EAT Basket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4000">
                <a:solidFill>
                  <a:srgbClr val="000000"/>
                </a:solidFill>
                <a:latin typeface="BookmanOldStyle"/>
              </a:rPr>
              <a:t>MiniBasket </a:t>
            </a:r>
            <a:r>
              <a:rPr lang="fr-FR" altLang="fr-FR" sz="4000"/>
              <a:t>(U7-U9-U11)</a:t>
            </a:r>
          </a:p>
        </p:txBody>
      </p:sp>
      <p:pic>
        <p:nvPicPr>
          <p:cNvPr id="3075" name="Picture 2">
            <a:extLst>
              <a:ext uri="{FF2B5EF4-FFF2-40B4-BE49-F238E27FC236}">
                <a16:creationId xmlns:a16="http://schemas.microsoft.com/office/drawing/2014/main" id="{349A2A31-49D4-1141-57E9-407C7C30E5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33013" y="2505075"/>
            <a:ext cx="1392237" cy="20558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6" name="Image 2">
            <a:extLst>
              <a:ext uri="{FF2B5EF4-FFF2-40B4-BE49-F238E27FC236}">
                <a16:creationId xmlns:a16="http://schemas.microsoft.com/office/drawing/2014/main" id="{B25B3800-D235-DCC9-802F-3F8EA3B0053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7952"/>
            <a:ext cx="3471863" cy="2328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7" name="Image 5">
            <a:extLst>
              <a:ext uri="{FF2B5EF4-FFF2-40B4-BE49-F238E27FC236}">
                <a16:creationId xmlns:a16="http://schemas.microsoft.com/office/drawing/2014/main" id="{9897684F-F11C-D1C8-7883-3DC63F60C2B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67850" y="0"/>
            <a:ext cx="2724150" cy="2297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8" name="Image 7">
            <a:extLst>
              <a:ext uri="{FF2B5EF4-FFF2-40B4-BE49-F238E27FC236}">
                <a16:creationId xmlns:a16="http://schemas.microsoft.com/office/drawing/2014/main" id="{35119657-DF79-0AB1-0168-80B263BAA7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4759325"/>
            <a:ext cx="7729538" cy="2098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ZoneTexte 1">
            <a:extLst>
              <a:ext uri="{FF2B5EF4-FFF2-40B4-BE49-F238E27FC236}">
                <a16:creationId xmlns:a16="http://schemas.microsoft.com/office/drawing/2014/main" id="{1BB02573-CF3C-CE15-7EB2-351BF260B11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4344" y="2328363"/>
            <a:ext cx="4397590" cy="3139321"/>
          </a:xfrm>
          <a:prstGeom prst="rect">
            <a:avLst/>
          </a:prstGeom>
          <a:noFill/>
          <a:ln>
            <a:noFill/>
          </a:ln>
        </p:spPr>
        <p:txBody>
          <a:bodyPr>
            <a:spAutoFit/>
          </a:bodyPr>
          <a:lstStyle>
            <a:lvl1pPr marL="285750" indent="-28575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  <a:defRPr/>
            </a:pPr>
            <a:r>
              <a:rPr lang="fr-FR" altLang="fr-FR" sz="1800" u="sng" dirty="0"/>
              <a:t>U7 :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Une vingtaine d’enfants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1 entrainement par semain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4 plateaux réalisés : A domicile, Au Puy, à Trémentines et Cholet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2 tournois (1 U7 à Saint André, 1 U9 à la Tessoualle)</a:t>
            </a:r>
            <a:r>
              <a:rPr lang="fr-FR" altLang="fr-FR" sz="1800" dirty="0">
                <a:highlight>
                  <a:srgbClr val="FFFF00"/>
                </a:highlight>
              </a:rPr>
              <a:t> 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1 match amical</a:t>
            </a:r>
            <a:endParaRPr lang="fr-FR" altLang="fr-FR" sz="1800" dirty="0">
              <a:highlight>
                <a:srgbClr val="FFFF00"/>
              </a:highlight>
            </a:endParaRP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endParaRPr lang="fr-FR" altLang="fr-FR" sz="1800" dirty="0"/>
          </a:p>
        </p:txBody>
      </p:sp>
      <p:sp>
        <p:nvSpPr>
          <p:cNvPr id="3080" name="ZoneTexte 9">
            <a:extLst>
              <a:ext uri="{FF2B5EF4-FFF2-40B4-BE49-F238E27FC236}">
                <a16:creationId xmlns:a16="http://schemas.microsoft.com/office/drawing/2014/main" id="{F4373060-8F21-562C-2CA3-55E33DAE5AE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402138" y="2443163"/>
            <a:ext cx="5251450" cy="2616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buFont typeface="Arial" panose="020B0604020202020204" pitchFamily="34" charset="0"/>
              <a:buNone/>
            </a:pPr>
            <a:r>
              <a:rPr lang="fr-FR" altLang="fr-FR" u="sng" dirty="0"/>
              <a:t>U9 (championnat en 3 phases + tournois) :</a:t>
            </a:r>
          </a:p>
          <a:p>
            <a:pPr eaLnBrk="1" hangingPunct="1"/>
            <a:r>
              <a:rPr lang="fr-FR" altLang="fr-FR" dirty="0"/>
              <a:t>4 équipes (2 filles et 2 garçons)</a:t>
            </a:r>
          </a:p>
          <a:p>
            <a:pPr eaLnBrk="1" hangingPunct="1">
              <a:buFont typeface="Arial" panose="020B0604020202020204" pitchFamily="34" charset="0"/>
              <a:buNone/>
            </a:pPr>
            <a:r>
              <a:rPr lang="fr-FR" altLang="fr-FR" u="sng" dirty="0"/>
              <a:t>U11 (championnat en 3 phases + tournois) :</a:t>
            </a:r>
          </a:p>
          <a:p>
            <a:pPr eaLnBrk="1" hangingPunct="1"/>
            <a:r>
              <a:rPr lang="fr-FR" altLang="fr-FR" dirty="0"/>
              <a:t>6 équipes (4 filles et 2 garçons)</a:t>
            </a:r>
          </a:p>
          <a:p>
            <a:pPr eaLnBrk="1" hangingPunct="1"/>
            <a:r>
              <a:rPr lang="fr-FR" altLang="fr-FR" u="sng" dirty="0"/>
              <a:t>Evènements :</a:t>
            </a:r>
          </a:p>
          <a:p>
            <a:pPr lvl="1" eaLnBrk="1" hangingPunct="1">
              <a:buFont typeface="Arial" panose="020B0604020202020204" pitchFamily="34" charset="0"/>
              <a:buChar char="•"/>
            </a:pPr>
            <a:r>
              <a:rPr lang="fr-FR" altLang="fr-FR" sz="1400" dirty="0"/>
              <a:t>Père Noël du baby basket (U7)</a:t>
            </a:r>
          </a:p>
          <a:p>
            <a:pPr lvl="1" eaLnBrk="1" hangingPunct="1">
              <a:buFont typeface="Arial" panose="020B0604020202020204" pitchFamily="34" charset="0"/>
              <a:buChar char="•"/>
            </a:pPr>
            <a:r>
              <a:rPr lang="fr-FR" altLang="fr-FR" sz="1400" dirty="0"/>
              <a:t>Fête du mini-basket le 8 mai (U7 (atelier le matin, match l’après-midi) -U9-U11)</a:t>
            </a:r>
          </a:p>
          <a:p>
            <a:pPr lvl="1" eaLnBrk="1" hangingPunct="1">
              <a:buFont typeface="Arial" panose="020B0604020202020204" pitchFamily="34" charset="0"/>
              <a:buChar char="•"/>
            </a:pPr>
            <a:r>
              <a:rPr lang="fr-FR" altLang="fr-FR" sz="1400" dirty="0"/>
              <a:t>Kinder le 21 décembre (U7-U9-U11)</a:t>
            </a:r>
          </a:p>
          <a:p>
            <a:pPr eaLnBrk="1" hangingPunct="1"/>
            <a:endParaRPr lang="fr-FR" altLang="fr-FR" dirty="0"/>
          </a:p>
        </p:txBody>
      </p:sp>
      <p:pic>
        <p:nvPicPr>
          <p:cNvPr id="3081" name="Image 11">
            <a:extLst>
              <a:ext uri="{FF2B5EF4-FFF2-40B4-BE49-F238E27FC236}">
                <a16:creationId xmlns:a16="http://schemas.microsoft.com/office/drawing/2014/main" id="{13161C02-5346-2657-17ED-ED2061B8C31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29538" y="4759325"/>
            <a:ext cx="4462462" cy="2070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Image 2">
            <a:extLst>
              <a:ext uri="{FF2B5EF4-FFF2-40B4-BE49-F238E27FC236}">
                <a16:creationId xmlns:a16="http://schemas.microsoft.com/office/drawing/2014/main" id="{E621ADC0-43D2-1AD9-ADF7-B75C3722F8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31805" y="-15904"/>
            <a:ext cx="3471863" cy="2328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ZoneTexte 1">
            <a:extLst>
              <a:ext uri="{FF2B5EF4-FFF2-40B4-BE49-F238E27FC236}">
                <a16:creationId xmlns:a16="http://schemas.microsoft.com/office/drawing/2014/main" id="{0FC0414E-66A5-E262-776C-0B3553BE7B4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4344" y="2320411"/>
            <a:ext cx="4397590" cy="3139321"/>
          </a:xfrm>
          <a:prstGeom prst="rect">
            <a:avLst/>
          </a:prstGeom>
          <a:noFill/>
          <a:ln>
            <a:noFill/>
          </a:ln>
        </p:spPr>
        <p:txBody>
          <a:bodyPr>
            <a:spAutoFit/>
          </a:bodyPr>
          <a:lstStyle>
            <a:lvl1pPr marL="285750" indent="-28575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  <a:defRPr/>
            </a:pPr>
            <a:r>
              <a:rPr lang="fr-FR" altLang="fr-FR" sz="1800" u="sng" dirty="0"/>
              <a:t>U7 :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Une vingtaine d’enfants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1 entrainement par semain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4 plateaux réalisés : A domicile, Au Puy, à Trémentines et Cholet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2 tournois (1 U7 à Saint André, 1 U9 à la Tessoualle)</a:t>
            </a:r>
            <a:r>
              <a:rPr lang="fr-FR" altLang="fr-FR" sz="1800" dirty="0">
                <a:highlight>
                  <a:srgbClr val="FFFF00"/>
                </a:highlight>
              </a:rPr>
              <a:t> 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1 match amical</a:t>
            </a:r>
            <a:endParaRPr lang="fr-FR" altLang="fr-FR" sz="1800" dirty="0">
              <a:highlight>
                <a:srgbClr val="FFFF00"/>
              </a:highlight>
            </a:endParaRP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endParaRPr lang="fr-FR" altLang="fr-FR" sz="18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80" grpId="0"/>
      <p:bldP spid="3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ZoneTexte 5">
            <a:extLst>
              <a:ext uri="{FF2B5EF4-FFF2-40B4-BE49-F238E27FC236}">
                <a16:creationId xmlns:a16="http://schemas.microsoft.com/office/drawing/2014/main" id="{9ABF5C64-B75E-3B5E-23EC-516E695D550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562350" y="350838"/>
            <a:ext cx="5478463" cy="1323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4000"/>
              <a:t>Pôle sportif EAT Basket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4000">
                <a:solidFill>
                  <a:srgbClr val="000000"/>
                </a:solidFill>
                <a:latin typeface="BookmanOldStyle"/>
              </a:rPr>
              <a:t>MiniBasket </a:t>
            </a:r>
            <a:r>
              <a:rPr lang="fr-FR" altLang="fr-FR" sz="4000"/>
              <a:t>(U7-U9-U11)</a:t>
            </a:r>
          </a:p>
        </p:txBody>
      </p:sp>
      <p:pic>
        <p:nvPicPr>
          <p:cNvPr id="4099" name="Picture 2">
            <a:extLst>
              <a:ext uri="{FF2B5EF4-FFF2-40B4-BE49-F238E27FC236}">
                <a16:creationId xmlns:a16="http://schemas.microsoft.com/office/drawing/2014/main" id="{00010FDC-1D61-4C87-17B4-2F898BB750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26600" y="3200400"/>
            <a:ext cx="1863725" cy="2754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ZoneTexte 1">
            <a:extLst>
              <a:ext uri="{FF2B5EF4-FFF2-40B4-BE49-F238E27FC236}">
                <a16:creationId xmlns:a16="http://schemas.microsoft.com/office/drawing/2014/main" id="{BA78979E-DE3D-BDC5-9253-62349988F19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00038" y="2435225"/>
            <a:ext cx="9105900" cy="4494213"/>
          </a:xfrm>
          <a:prstGeom prst="rect">
            <a:avLst/>
          </a:prstGeom>
          <a:noFill/>
          <a:ln>
            <a:noFill/>
          </a:ln>
        </p:spPr>
        <p:txBody>
          <a:bodyPr>
            <a:spAutoFit/>
          </a:bodyPr>
          <a:lstStyle>
            <a:lvl1pPr marL="285750" indent="-28575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  <a:defRPr/>
            </a:pPr>
            <a:r>
              <a:rPr lang="fr-FR" altLang="fr-FR" sz="1800" u="sng" dirty="0"/>
              <a:t>2022/2023  - OBE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1h par classe chaque semaine pendant 5 semaines pour l’école publique de la Tessoualle encadrés par 3 jeunes en formation sous la responsabilité de Timothée </a:t>
            </a:r>
            <a:r>
              <a:rPr lang="fr-FR" altLang="fr-FR" sz="1800" dirty="0" err="1"/>
              <a:t>Pousset</a:t>
            </a: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2 séances par classe réalisées par Charlie pour les autres écoles</a:t>
            </a:r>
          </a:p>
          <a:p>
            <a:pPr lvl="1" eaLnBrk="1" hangingPunct="1">
              <a:lnSpc>
                <a:spcPct val="100000"/>
              </a:lnSpc>
              <a:spcBef>
                <a:spcPct val="0"/>
              </a:spcBef>
              <a:buFont typeface="Wingdings" panose="05000000000000000000" pitchFamily="2" charset="2"/>
              <a:buChar char="§"/>
              <a:defRPr/>
            </a:pPr>
            <a:r>
              <a:rPr lang="fr-FR" altLang="fr-FR" sz="1800" dirty="0"/>
              <a:t>Ecole Notre Dame à la Tessoualle - 2 classes : CE1/CE2 et CP</a:t>
            </a:r>
          </a:p>
          <a:p>
            <a:pPr lvl="1" eaLnBrk="1" hangingPunct="1">
              <a:lnSpc>
                <a:spcPct val="100000"/>
              </a:lnSpc>
              <a:spcBef>
                <a:spcPct val="0"/>
              </a:spcBef>
              <a:buFont typeface="Wingdings" panose="05000000000000000000" pitchFamily="2" charset="2"/>
              <a:buChar char="§"/>
              <a:defRPr/>
            </a:pPr>
            <a:r>
              <a:rPr lang="fr-FR" altLang="fr-FR" sz="1800" dirty="0"/>
              <a:t>Ecole du Moulin à la Tessoualle – Principalement 1 classe : GS</a:t>
            </a:r>
          </a:p>
          <a:p>
            <a:pPr lvl="1" eaLnBrk="1" hangingPunct="1">
              <a:lnSpc>
                <a:spcPct val="100000"/>
              </a:lnSpc>
              <a:spcBef>
                <a:spcPct val="0"/>
              </a:spcBef>
              <a:buFont typeface="Wingdings" panose="05000000000000000000" pitchFamily="2" charset="2"/>
              <a:buChar char="§"/>
              <a:defRPr/>
            </a:pPr>
            <a:r>
              <a:rPr lang="fr-FR" altLang="fr-FR" sz="1800" dirty="0"/>
              <a:t>Ecole Arc-en-ciel à </a:t>
            </a:r>
            <a:r>
              <a:rPr lang="fr-FR" altLang="fr-FR" sz="1800" dirty="0" err="1"/>
              <a:t>Loublande</a:t>
            </a:r>
            <a:r>
              <a:rPr lang="fr-FR" altLang="fr-FR" sz="1800" dirty="0"/>
              <a:t> – 3 classes : GS/CP, CE1/CE2 et CM1/CM2</a:t>
            </a:r>
          </a:p>
          <a:p>
            <a:pPr lvl="1" eaLnBrk="1" hangingPunct="1">
              <a:lnSpc>
                <a:spcPct val="100000"/>
              </a:lnSpc>
              <a:spcBef>
                <a:spcPct val="0"/>
              </a:spcBef>
              <a:buFont typeface="Wingdings" panose="05000000000000000000" pitchFamily="2" charset="2"/>
              <a:buChar char="§"/>
              <a:defRPr/>
            </a:pPr>
            <a:r>
              <a:rPr lang="fr-FR" altLang="fr-FR" sz="1800" dirty="0"/>
              <a:t>Ecole Saint Joseph à Mazières – 3 classes : CP/CE1, CE1/CE2 et CM2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Total = 193 élèves (155 élèves la saison précédente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endParaRPr lang="fr-FR" altLang="fr-FR" sz="1800" dirty="0"/>
          </a:p>
          <a:p>
            <a:pPr marL="0" indent="0"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  <a:defRPr/>
            </a:pPr>
            <a:r>
              <a:rPr lang="fr-FR" altLang="fr-FR" sz="1800" u="sng" dirty="0"/>
              <a:t>2023/2024 :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800" dirty="0"/>
              <a:t>Reconduction des évènements :</a:t>
            </a:r>
          </a:p>
          <a:p>
            <a:pPr lvl="1"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400" dirty="0"/>
              <a:t>OBE : En cours de réflexion (organisation du planning de Charlie) mais nous souhaitons renouveler cette opération si cela est réalisable</a:t>
            </a:r>
          </a:p>
          <a:p>
            <a:pPr lvl="1"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400" dirty="0"/>
              <a:t>Père Noël du baby basket (U7)</a:t>
            </a:r>
          </a:p>
          <a:p>
            <a:pPr lvl="1"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400" dirty="0"/>
              <a:t>Fête du mini-basket le 8 mai (U7 - U9 - U11)</a:t>
            </a:r>
          </a:p>
          <a:p>
            <a:pPr lvl="1" eaLnBrk="1" hangingPunct="1">
              <a:lnSpc>
                <a:spcPct val="100000"/>
              </a:lnSpc>
              <a:spcBef>
                <a:spcPct val="0"/>
              </a:spcBef>
              <a:defRPr/>
            </a:pPr>
            <a:r>
              <a:rPr lang="fr-FR" altLang="fr-FR" sz="1400" dirty="0"/>
              <a:t>Kinder – Date à définir (U7-U9-U11)</a:t>
            </a:r>
          </a:p>
        </p:txBody>
      </p:sp>
      <p:pic>
        <p:nvPicPr>
          <p:cNvPr id="4101" name="Image 2">
            <a:extLst>
              <a:ext uri="{FF2B5EF4-FFF2-40B4-BE49-F238E27FC236}">
                <a16:creationId xmlns:a16="http://schemas.microsoft.com/office/drawing/2014/main" id="{2098CA7D-8BC1-DD4E-028F-F136AF1D6C4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32863" y="0"/>
            <a:ext cx="3251200" cy="2438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102" name="Image 4">
            <a:extLst>
              <a:ext uri="{FF2B5EF4-FFF2-40B4-BE49-F238E27FC236}">
                <a16:creationId xmlns:a16="http://schemas.microsoft.com/office/drawing/2014/main" id="{75F51F53-44F5-70B4-7461-D73AA8A1B1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38" y="0"/>
            <a:ext cx="3252787" cy="2438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" y="4745738"/>
            <a:ext cx="12192000" cy="1297386"/>
          </a:xfrm>
          <a:solidFill>
            <a:srgbClr val="FF0000"/>
          </a:solidFill>
        </p:spPr>
        <p:txBody>
          <a:bodyPr rtlCol="0">
            <a:normAutofit fontScale="90000"/>
          </a:bodyPr>
          <a:lstStyle/>
          <a:p>
            <a:pPr rtl="0"/>
            <a:r>
              <a:rPr lang="fr-FR" dirty="0"/>
              <a:t>Le Basket santé</a:t>
            </a:r>
            <a:br>
              <a:rPr lang="fr-FR" dirty="0"/>
            </a:br>
            <a:r>
              <a:rPr lang="fr-FR" sz="2500" dirty="0"/>
              <a:t>Le basket santé c’est aussi vivre le basket autrement !</a:t>
            </a:r>
            <a:r>
              <a:rPr lang="fr-FR" dirty="0"/>
              <a:t> </a:t>
            </a:r>
          </a:p>
        </p:txBody>
      </p:sp>
      <p:sp>
        <p:nvSpPr>
          <p:cNvPr id="3" name="Sous-titre 2"/>
          <p:cNvSpPr>
            <a:spLocks noGrp="1"/>
          </p:cNvSpPr>
          <p:nvPr>
            <p:ph type="subTitle" idx="1"/>
          </p:nvPr>
        </p:nvSpPr>
        <p:spPr>
          <a:xfrm>
            <a:off x="0" y="5952226"/>
            <a:ext cx="12192000" cy="905773"/>
          </a:xfrm>
          <a:solidFill>
            <a:srgbClr val="FF0000"/>
          </a:solidFill>
        </p:spPr>
        <p:txBody>
          <a:bodyPr rtlCol="0"/>
          <a:lstStyle/>
          <a:p>
            <a:pPr rtl="0"/>
            <a:endParaRPr lang="fr-FR" dirty="0"/>
          </a:p>
          <a:p>
            <a:pPr rtl="0"/>
            <a:r>
              <a:rPr lang="fr-FR" dirty="0"/>
              <a:t> EAT </a:t>
            </a:r>
          </a:p>
        </p:txBody>
      </p:sp>
      <p:sp>
        <p:nvSpPr>
          <p:cNvPr id="5" name="Espace réservé pour une image  4">
            <a:extLst>
              <a:ext uri="{FF2B5EF4-FFF2-40B4-BE49-F238E27FC236}">
                <a16:creationId xmlns:a16="http://schemas.microsoft.com/office/drawing/2014/main" id="{0030C434-AE49-FE25-4A5D-9C623941F4D5}"/>
              </a:ext>
            </a:extLst>
          </p:cNvPr>
          <p:cNvSpPr>
            <a:spLocks noGrp="1"/>
          </p:cNvSpPr>
          <p:nvPr>
            <p:ph type="pic" idx="10"/>
          </p:nvPr>
        </p:nvSpPr>
        <p:spPr/>
        <p:txBody>
          <a:bodyPr>
            <a:normAutofit/>
          </a:bodyPr>
          <a:lstStyle/>
          <a:p>
            <a:r>
              <a:rPr lang="fr-FR" sz="3200" b="1" dirty="0">
                <a:solidFill>
                  <a:schemeClr val="accent6"/>
                </a:solidFill>
              </a:rPr>
              <a:t>Pourquoi ?</a:t>
            </a:r>
          </a:p>
          <a:p>
            <a:pPr algn="l">
              <a:lnSpc>
                <a:spcPct val="100000"/>
              </a:lnSpc>
              <a:buFont typeface="+mj-lt"/>
              <a:buAutoNum type="arabicParenR"/>
            </a:pPr>
            <a:r>
              <a:rPr lang="fr-FR" dirty="0">
                <a:solidFill>
                  <a:schemeClr val="tx2"/>
                </a:solidFill>
              </a:rPr>
              <a:t>Débuter le basket</a:t>
            </a:r>
          </a:p>
          <a:p>
            <a:pPr algn="l">
              <a:lnSpc>
                <a:spcPct val="100000"/>
              </a:lnSpc>
              <a:buFont typeface="+mj-lt"/>
              <a:buAutoNum type="arabicParenR"/>
            </a:pPr>
            <a:r>
              <a:rPr lang="fr-FR" dirty="0">
                <a:solidFill>
                  <a:schemeClr val="tx2"/>
                </a:solidFill>
              </a:rPr>
              <a:t>Maintenir ou reprendre une activité physique collective  </a:t>
            </a:r>
          </a:p>
          <a:p>
            <a:pPr algn="l">
              <a:lnSpc>
                <a:spcPct val="100000"/>
              </a:lnSpc>
              <a:buFont typeface="+mj-lt"/>
              <a:buAutoNum type="arabicParenR"/>
            </a:pPr>
            <a:r>
              <a:rPr lang="fr-FR" dirty="0">
                <a:solidFill>
                  <a:schemeClr val="tx2"/>
                </a:solidFill>
              </a:rPr>
              <a:t>Attractif </a:t>
            </a:r>
          </a:p>
          <a:p>
            <a:pPr algn="l">
              <a:lnSpc>
                <a:spcPct val="100000"/>
              </a:lnSpc>
              <a:buFont typeface="+mj-lt"/>
              <a:buAutoNum type="arabicParenR"/>
            </a:pPr>
            <a:r>
              <a:rPr lang="fr-FR" dirty="0">
                <a:solidFill>
                  <a:schemeClr val="tx2"/>
                </a:solidFill>
              </a:rPr>
              <a:t>Ludique </a:t>
            </a:r>
          </a:p>
          <a:p>
            <a:pPr algn="l">
              <a:lnSpc>
                <a:spcPct val="100000"/>
              </a:lnSpc>
              <a:buFont typeface="+mj-lt"/>
              <a:buAutoNum type="arabicParenR"/>
            </a:pPr>
            <a:r>
              <a:rPr lang="fr-FR" dirty="0">
                <a:solidFill>
                  <a:schemeClr val="tx2"/>
                </a:solidFill>
              </a:rPr>
              <a:t>Sécurisé </a:t>
            </a:r>
          </a:p>
          <a:p>
            <a:pPr algn="l">
              <a:lnSpc>
                <a:spcPct val="100000"/>
              </a:lnSpc>
              <a:buFont typeface="+mj-lt"/>
              <a:buAutoNum type="arabicParenR"/>
            </a:pPr>
            <a:r>
              <a:rPr lang="fr-FR" dirty="0">
                <a:solidFill>
                  <a:schemeClr val="tx2"/>
                </a:solidFill>
              </a:rPr>
              <a:t>Adapté à tous </a:t>
            </a:r>
          </a:p>
          <a:p>
            <a:pPr algn="l">
              <a:lnSpc>
                <a:spcPct val="100000"/>
              </a:lnSpc>
              <a:buFont typeface="+mj-lt"/>
              <a:buAutoNum type="arabicParenR"/>
            </a:pPr>
            <a:r>
              <a:rPr lang="fr-FR" dirty="0">
                <a:solidFill>
                  <a:schemeClr val="tx2"/>
                </a:solidFill>
              </a:rPr>
              <a:t>Sans compétition</a:t>
            </a:r>
          </a:p>
        </p:txBody>
      </p:sp>
      <p:pic>
        <p:nvPicPr>
          <p:cNvPr id="14" name="Espace réservé pour une image  13">
            <a:extLst>
              <a:ext uri="{FF2B5EF4-FFF2-40B4-BE49-F238E27FC236}">
                <a16:creationId xmlns:a16="http://schemas.microsoft.com/office/drawing/2014/main" id="{74668EBF-D526-983E-F737-A6F255B6866E}"/>
              </a:ext>
            </a:extLst>
          </p:cNvPr>
          <p:cNvPicPr>
            <a:picLocks noGrp="1" noChangeAspect="1"/>
          </p:cNvPicPr>
          <p:nvPr>
            <p:ph type="pic" idx="1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917" r="21917"/>
          <a:stretch>
            <a:fillRect/>
          </a:stretch>
        </p:blipFill>
        <p:spPr/>
      </p:pic>
      <p:sp>
        <p:nvSpPr>
          <p:cNvPr id="12" name="Espace réservé pour une image  11">
            <a:extLst>
              <a:ext uri="{FF2B5EF4-FFF2-40B4-BE49-F238E27FC236}">
                <a16:creationId xmlns:a16="http://schemas.microsoft.com/office/drawing/2014/main" id="{EE235038-02E8-F9DA-1D1B-D35EBD111EB5}"/>
              </a:ext>
            </a:extLst>
          </p:cNvPr>
          <p:cNvSpPr>
            <a:spLocks noGrp="1"/>
          </p:cNvSpPr>
          <p:nvPr>
            <p:ph type="pic" idx="12"/>
          </p:nvPr>
        </p:nvSpPr>
        <p:spPr/>
        <p:txBody>
          <a:bodyPr/>
          <a:lstStyle/>
          <a:p>
            <a:r>
              <a:rPr lang="fr-FR" sz="3200" b="1" dirty="0">
                <a:solidFill>
                  <a:schemeClr val="accent6"/>
                </a:solidFill>
              </a:rPr>
              <a:t>Pour qui ?</a:t>
            </a:r>
          </a:p>
          <a:p>
            <a:r>
              <a:rPr lang="fr-FR" sz="4000" dirty="0">
                <a:solidFill>
                  <a:schemeClr val="tx2"/>
                </a:solidFill>
              </a:rPr>
              <a:t>Tout le monde</a:t>
            </a:r>
          </a:p>
          <a:p>
            <a:r>
              <a:rPr lang="fr-FR" sz="2800" dirty="0">
                <a:solidFill>
                  <a:schemeClr val="tx2"/>
                </a:solidFill>
              </a:rPr>
              <a:t>( Territoire du Choletais )</a:t>
            </a:r>
          </a:p>
        </p:txBody>
      </p:sp>
    </p:spTree>
    <p:extLst>
      <p:ext uri="{BB962C8B-B14F-4D97-AF65-F5344CB8AC3E}">
        <p14:creationId xmlns:p14="http://schemas.microsoft.com/office/powerpoint/2010/main" val="30346877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60FDAB2-F526-6969-C4E8-D82BD72F7C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47450" y="0"/>
            <a:ext cx="5644550" cy="6150634"/>
          </a:xfrm>
          <a:solidFill>
            <a:schemeClr val="bg1"/>
          </a:solidFill>
        </p:spPr>
        <p:txBody>
          <a:bodyPr>
            <a:normAutofit/>
          </a:bodyPr>
          <a:lstStyle/>
          <a:p>
            <a:pPr algn="ctr"/>
            <a:r>
              <a:rPr lang="fr-FR" sz="8000" dirty="0">
                <a:solidFill>
                  <a:schemeClr val="tx2"/>
                </a:solidFill>
              </a:rPr>
              <a:t>Entraîneur diplômé et qualifié </a:t>
            </a:r>
            <a:br>
              <a:rPr lang="fr-FR" sz="6000" dirty="0">
                <a:solidFill>
                  <a:schemeClr val="tx2"/>
                </a:solidFill>
              </a:rPr>
            </a:br>
            <a:r>
              <a:rPr lang="fr-FR" sz="6000" b="1" dirty="0">
                <a:solidFill>
                  <a:schemeClr val="tx2"/>
                </a:solidFill>
              </a:rPr>
              <a:t>Charlie </a:t>
            </a:r>
          </a:p>
        </p:txBody>
      </p:sp>
      <p:pic>
        <p:nvPicPr>
          <p:cNvPr id="6" name="Espace réservé pour une image  5">
            <a:extLst>
              <a:ext uri="{FF2B5EF4-FFF2-40B4-BE49-F238E27FC236}">
                <a16:creationId xmlns:a16="http://schemas.microsoft.com/office/drawing/2014/main" id="{C824BA0A-0719-C7E2-E309-DB66A51EA32B}"/>
              </a:ext>
            </a:extLst>
          </p:cNvPr>
          <p:cNvPicPr>
            <a:picLocks noGrp="1" noChangeAspect="1"/>
          </p:cNvPicPr>
          <p:nvPr>
            <p:ph type="pic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672" b="7672"/>
          <a:stretch>
            <a:fillRect/>
          </a:stretch>
        </p:blipFill>
        <p:spPr>
          <a:xfrm>
            <a:off x="10092722" y="0"/>
            <a:ext cx="2099278" cy="1777042"/>
          </a:xfrm>
        </p:spPr>
      </p:pic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B98CCE6F-70BE-7268-DB62-6EB70750D60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700615" y="6150633"/>
            <a:ext cx="5491385" cy="776377"/>
          </a:xfrm>
          <a:solidFill>
            <a:srgbClr val="FF0000"/>
          </a:solidFill>
        </p:spPr>
        <p:txBody>
          <a:bodyPr>
            <a:normAutofit/>
          </a:bodyPr>
          <a:lstStyle/>
          <a:p>
            <a:endParaRPr lang="fr-FR" dirty="0"/>
          </a:p>
          <a:p>
            <a:pPr algn="ctr"/>
            <a:r>
              <a:rPr lang="fr-FR" dirty="0"/>
              <a:t>EAT </a:t>
            </a:r>
          </a:p>
          <a:p>
            <a:endParaRPr lang="fr-FR" dirty="0"/>
          </a:p>
          <a:p>
            <a:endParaRPr lang="fr-FR" dirty="0"/>
          </a:p>
          <a:p>
            <a:endParaRPr lang="fr-FR" dirty="0"/>
          </a:p>
          <a:p>
            <a:endParaRPr lang="fr-FR" dirty="0"/>
          </a:p>
          <a:p>
            <a:endParaRPr lang="fr-FR" dirty="0"/>
          </a:p>
          <a:p>
            <a:pPr algn="ctr"/>
            <a:endParaRPr lang="fr-FR" dirty="0"/>
          </a:p>
        </p:txBody>
      </p:sp>
      <p:pic>
        <p:nvPicPr>
          <p:cNvPr id="14" name="Image 13">
            <a:extLst>
              <a:ext uri="{FF2B5EF4-FFF2-40B4-BE49-F238E27FC236}">
                <a16:creationId xmlns:a16="http://schemas.microsoft.com/office/drawing/2014/main" id="{D52E0999-3201-2B39-7268-C632D6C784F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637" y="2044460"/>
            <a:ext cx="3277479" cy="4648391"/>
          </a:xfrm>
          <a:prstGeom prst="rect">
            <a:avLst/>
          </a:prstGeom>
        </p:spPr>
      </p:pic>
      <p:pic>
        <p:nvPicPr>
          <p:cNvPr id="16" name="Image 15">
            <a:extLst>
              <a:ext uri="{FF2B5EF4-FFF2-40B4-BE49-F238E27FC236}">
                <a16:creationId xmlns:a16="http://schemas.microsoft.com/office/drawing/2014/main" id="{33ED3506-FBD4-D157-11DA-9038668B602F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14203" y="2044460"/>
            <a:ext cx="3286412" cy="4648391"/>
          </a:xfrm>
          <a:prstGeom prst="rect">
            <a:avLst/>
          </a:prstGeom>
        </p:spPr>
      </p:pic>
      <p:sp>
        <p:nvSpPr>
          <p:cNvPr id="17" name="ZoneTexte 16">
            <a:extLst>
              <a:ext uri="{FF2B5EF4-FFF2-40B4-BE49-F238E27FC236}">
                <a16:creationId xmlns:a16="http://schemas.microsoft.com/office/drawing/2014/main" id="{494DC414-71B9-139C-5CE3-4D3B5414FB8A}"/>
              </a:ext>
            </a:extLst>
          </p:cNvPr>
          <p:cNvSpPr txBox="1"/>
          <p:nvPr/>
        </p:nvSpPr>
        <p:spPr>
          <a:xfrm>
            <a:off x="477330" y="-43222"/>
            <a:ext cx="4848045" cy="23391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200" b="1" dirty="0">
                <a:solidFill>
                  <a:schemeClr val="accent6"/>
                </a:solidFill>
              </a:rPr>
              <a:t>Plusieurs séances d’essais :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3200" dirty="0">
                <a:solidFill>
                  <a:schemeClr val="tx2"/>
                </a:solidFill>
              </a:rPr>
              <a:t>30 avril 2022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3200" dirty="0">
                <a:solidFill>
                  <a:schemeClr val="tx2"/>
                </a:solidFill>
              </a:rPr>
              <a:t>22 Février 2023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sz="3200" dirty="0">
                <a:solidFill>
                  <a:schemeClr val="tx2"/>
                </a:solidFill>
              </a:rPr>
              <a:t>7 mars 2023 </a:t>
            </a:r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9776613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524000" y="457200"/>
            <a:ext cx="8439509" cy="524933"/>
          </a:xfrm>
        </p:spPr>
        <p:txBody>
          <a:bodyPr rtlCol="0">
            <a:normAutofit fontScale="90000"/>
          </a:bodyPr>
          <a:lstStyle/>
          <a:p>
            <a:pPr algn="ctr" rtl="0"/>
            <a:r>
              <a:rPr lang="fr-FR" sz="6000" b="1" dirty="0">
                <a:solidFill>
                  <a:srgbClr val="FF0000"/>
                </a:solidFill>
              </a:rPr>
              <a:t>Quelques Chiffres </a:t>
            </a:r>
          </a:p>
        </p:txBody>
      </p:sp>
      <p:graphicFrame>
        <p:nvGraphicFramePr>
          <p:cNvPr id="9" name="Graphique 8">
            <a:extLst>
              <a:ext uri="{FF2B5EF4-FFF2-40B4-BE49-F238E27FC236}">
                <a16:creationId xmlns:a16="http://schemas.microsoft.com/office/drawing/2014/main" id="{9284D59F-3EA2-C369-8481-2A8A6F4BC00A}"/>
              </a:ext>
            </a:extLst>
          </p:cNvPr>
          <p:cNvGraphicFramePr/>
          <p:nvPr/>
        </p:nvGraphicFramePr>
        <p:xfrm>
          <a:off x="-741680" y="111760"/>
          <a:ext cx="9387840" cy="600455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6" name="Espace réservé du contenu 15">
            <a:extLst>
              <a:ext uri="{FF2B5EF4-FFF2-40B4-BE49-F238E27FC236}">
                <a16:creationId xmlns:a16="http://schemas.microsoft.com/office/drawing/2014/main" id="{E6A56992-E5DE-856D-0763-6935083556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0229" y="982133"/>
            <a:ext cx="9144000" cy="4457700"/>
          </a:xfrm>
        </p:spPr>
        <p:txBody>
          <a:bodyPr/>
          <a:lstStyle/>
          <a:p>
            <a:r>
              <a:rPr lang="fr-FR" b="1" dirty="0">
                <a:solidFill>
                  <a:srgbClr val="FF0000"/>
                </a:solidFill>
              </a:rPr>
              <a:t>Nombres de personnes</a:t>
            </a:r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1FBD5A38-CF0A-900F-609B-A62C6F8B3CE7}"/>
              </a:ext>
            </a:extLst>
          </p:cNvPr>
          <p:cNvSpPr txBox="1"/>
          <p:nvPr/>
        </p:nvSpPr>
        <p:spPr>
          <a:xfrm>
            <a:off x="8229600" y="829448"/>
            <a:ext cx="3732171" cy="49552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4800" b="1" dirty="0">
                <a:solidFill>
                  <a:srgbClr val="FF0000"/>
                </a:solidFill>
              </a:rPr>
              <a:t>Objectifs :</a:t>
            </a:r>
          </a:p>
          <a:p>
            <a:pPr algn="ctr"/>
            <a:endParaRPr lang="fr-FR" sz="4800" dirty="0"/>
          </a:p>
          <a:p>
            <a:pPr marL="685800" indent="-685800">
              <a:buFont typeface="Wingdings" panose="05000000000000000000" pitchFamily="2" charset="2"/>
              <a:buChar char="Ø"/>
            </a:pPr>
            <a:r>
              <a:rPr lang="fr-FR" sz="4400" dirty="0">
                <a:solidFill>
                  <a:schemeClr val="tx2"/>
                </a:solidFill>
              </a:rPr>
              <a:t>Aujourd’hui: 10 licenciés </a:t>
            </a:r>
          </a:p>
          <a:p>
            <a:pPr marL="685800" indent="-685800">
              <a:buFont typeface="Wingdings" panose="05000000000000000000" pitchFamily="2" charset="2"/>
              <a:buChar char="Ø"/>
            </a:pPr>
            <a:r>
              <a:rPr lang="fr-FR" sz="4400" dirty="0">
                <a:solidFill>
                  <a:schemeClr val="tx2"/>
                </a:solidFill>
              </a:rPr>
              <a:t>Projections : 15 à 20 licencié(e)s </a:t>
            </a:r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68489B0A-6904-7BA1-1465-984EAD7AF233}"/>
              </a:ext>
            </a:extLst>
          </p:cNvPr>
          <p:cNvSpPr txBox="1"/>
          <p:nvPr/>
        </p:nvSpPr>
        <p:spPr>
          <a:xfrm>
            <a:off x="0" y="6423074"/>
            <a:ext cx="12192000" cy="646331"/>
          </a:xfrm>
          <a:prstGeom prst="rect">
            <a:avLst/>
          </a:prstGeom>
          <a:solidFill>
            <a:srgbClr val="FF0000"/>
          </a:solidFill>
        </p:spPr>
        <p:txBody>
          <a:bodyPr wrap="square" rtlCol="0">
            <a:spAutoFit/>
          </a:bodyPr>
          <a:lstStyle/>
          <a:p>
            <a:pPr algn="ctr"/>
            <a:r>
              <a:rPr lang="fr-FR" dirty="0">
                <a:solidFill>
                  <a:schemeClr val="bg1"/>
                </a:solidFill>
              </a:rPr>
              <a:t>EAT </a:t>
            </a:r>
          </a:p>
          <a:p>
            <a:endParaRPr lang="fr-FR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4594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pic>
        <p:nvPicPr>
          <p:cNvPr id="4" name="Picture 3" descr="A group of people in a gym&#10;&#10;Description automatically generated">
            <a:extLst>
              <a:ext uri="{FF2B5EF4-FFF2-40B4-BE49-F238E27FC236}">
                <a16:creationId xmlns:a16="http://schemas.microsoft.com/office/drawing/2014/main" id="{67FD1855-6A6B-4466-C913-2EA98B1CBFA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56963" y="1940120"/>
            <a:ext cx="4627656" cy="3470742"/>
          </a:xfrm>
          <a:prstGeom prst="rect">
            <a:avLst/>
          </a:prstGeom>
        </p:spPr>
      </p:pic>
      <p:pic>
        <p:nvPicPr>
          <p:cNvPr id="6" name="Picture 5" descr="A group of people in a gym&#10;&#10;Description automatically generated">
            <a:extLst>
              <a:ext uri="{FF2B5EF4-FFF2-40B4-BE49-F238E27FC236}">
                <a16:creationId xmlns:a16="http://schemas.microsoft.com/office/drawing/2014/main" id="{E7CA6482-330D-0960-BFCA-A9633A138C3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119" y="135172"/>
            <a:ext cx="4254660" cy="3190995"/>
          </a:xfrm>
          <a:prstGeom prst="rect">
            <a:avLst/>
          </a:prstGeom>
        </p:spPr>
      </p:pic>
      <p:pic>
        <p:nvPicPr>
          <p:cNvPr id="7" name="Picture 6" descr="A group of people in a gym&#10;&#10;Description automatically generated">
            <a:extLst>
              <a:ext uri="{FF2B5EF4-FFF2-40B4-BE49-F238E27FC236}">
                <a16:creationId xmlns:a16="http://schemas.microsoft.com/office/drawing/2014/main" id="{5E1EB51C-DAED-B4C6-E1C8-BABE823C775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11906" y="3429000"/>
            <a:ext cx="4100937" cy="3075703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7C9342DB-04A0-3447-96D1-709AB5BF91D0}"/>
              </a:ext>
            </a:extLst>
          </p:cNvPr>
          <p:cNvSpPr txBox="1"/>
          <p:nvPr/>
        </p:nvSpPr>
        <p:spPr>
          <a:xfrm>
            <a:off x="5687834" y="675861"/>
            <a:ext cx="256561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b="1" dirty="0"/>
              <a:t>JEUDI 19H30 – 21H </a:t>
            </a:r>
            <a:endParaRPr lang="en-US" sz="2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6238274"/>
      </p:ext>
    </p:extLst>
  </p:cSld>
  <p:clrMapOvr>
    <a:masterClrMapping/>
  </p:clrMapOvr>
  <p:transition>
    <p:fade/>
  </p:transition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CC3277A7-8FA2-7ACF-34AD-DC69480741E3}"/>
              </a:ext>
            </a:extLst>
          </p:cNvPr>
          <p:cNvSpPr txBox="1"/>
          <p:nvPr/>
        </p:nvSpPr>
        <p:spPr>
          <a:xfrm>
            <a:off x="2169622" y="566617"/>
            <a:ext cx="663355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INAUGURATION DES LABELS</a:t>
            </a:r>
            <a:endParaRPr lang="en-US" sz="4000" b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4D06F10-60BD-DC59-D3F9-F6C1F56B8957}"/>
              </a:ext>
            </a:extLst>
          </p:cNvPr>
          <p:cNvSpPr txBox="1"/>
          <p:nvPr/>
        </p:nvSpPr>
        <p:spPr>
          <a:xfrm>
            <a:off x="2078182" y="1219255"/>
            <a:ext cx="6633556" cy="12618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 </a:t>
            </a:r>
            <a:r>
              <a:rPr lang="fr-FR" b="1" dirty="0"/>
              <a:t>NATHALIE BOURRY du COMITE DEPARTEMENTAL DE BASKET 49</a:t>
            </a:r>
          </a:p>
          <a:p>
            <a:r>
              <a:rPr lang="fr-FR" b="1" dirty="0"/>
              <a:t>( Vice-Présidente en charge du Vivre </a:t>
            </a:r>
            <a:r>
              <a:rPr lang="fr-FR" b="1" dirty="0" err="1"/>
              <a:t>Ensembre</a:t>
            </a:r>
            <a:r>
              <a:rPr lang="fr-FR" b="1" dirty="0"/>
              <a:t>, du </a:t>
            </a:r>
            <a:r>
              <a:rPr lang="fr-FR" b="1" dirty="0" err="1"/>
              <a:t>Minibasket</a:t>
            </a:r>
            <a:r>
              <a:rPr lang="fr-FR" b="1" dirty="0"/>
              <a:t>, du  </a:t>
            </a:r>
          </a:p>
          <a:p>
            <a:r>
              <a:rPr lang="fr-FR" b="1" dirty="0"/>
              <a:t>   3X3, du Basket Santé et du </a:t>
            </a:r>
            <a:r>
              <a:rPr lang="fr-FR" b="1" dirty="0" err="1"/>
              <a:t>Basketonik</a:t>
            </a:r>
            <a:r>
              <a:rPr lang="fr-FR" b="1" dirty="0"/>
              <a:t> )</a:t>
            </a:r>
            <a:endParaRPr lang="en-US" b="1" dirty="0"/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0073B24C-0688-FA5B-C71D-15049C7848C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56568" y="2917765"/>
            <a:ext cx="1863725" cy="2754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E0785B72-7D81-3933-08CC-FE149FABA3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63999" y="2884432"/>
            <a:ext cx="1865274" cy="2754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1">
            <a:extLst>
              <a:ext uri="{FF2B5EF4-FFF2-40B4-BE49-F238E27FC236}">
                <a16:creationId xmlns:a16="http://schemas.microsoft.com/office/drawing/2014/main" id="{6060D0E4-B6BC-AB55-4015-82C6705A89D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54543" y="2917765"/>
            <a:ext cx="1863725" cy="27545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6229D529-7EE4-854E-7EA4-227228FFE8C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32629" y="2884431"/>
            <a:ext cx="1935611" cy="2754314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4E38B22-19CB-3476-5961-1D9C816473CD}"/>
              </a:ext>
            </a:extLst>
          </p:cNvPr>
          <p:cNvSpPr txBox="1"/>
          <p:nvPr/>
        </p:nvSpPr>
        <p:spPr>
          <a:xfrm>
            <a:off x="2159680" y="566617"/>
            <a:ext cx="663355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INAUGURATION DES LABELS</a:t>
            </a:r>
            <a:endParaRPr lang="en-US" sz="4000" b="1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187DE22-10D8-3E42-6E6F-489DBBE6D145}"/>
              </a:ext>
            </a:extLst>
          </p:cNvPr>
          <p:cNvSpPr txBox="1"/>
          <p:nvPr/>
        </p:nvSpPr>
        <p:spPr>
          <a:xfrm>
            <a:off x="2068240" y="1219255"/>
            <a:ext cx="6633556" cy="12618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 </a:t>
            </a:r>
            <a:r>
              <a:rPr lang="fr-FR" b="1" dirty="0"/>
              <a:t>NATHALIE BOURRY du COMITE DEPARTEMENTAL DE BASKET 49</a:t>
            </a:r>
          </a:p>
          <a:p>
            <a:r>
              <a:rPr lang="fr-FR" b="1" dirty="0"/>
              <a:t>( Vice-Présidente en charge du Vivre </a:t>
            </a:r>
            <a:r>
              <a:rPr lang="fr-FR" b="1" dirty="0" err="1"/>
              <a:t>Ensembre</a:t>
            </a:r>
            <a:r>
              <a:rPr lang="fr-FR" b="1" dirty="0"/>
              <a:t>, du </a:t>
            </a:r>
            <a:r>
              <a:rPr lang="fr-FR" b="1" dirty="0" err="1"/>
              <a:t>Minibasket</a:t>
            </a:r>
            <a:r>
              <a:rPr lang="fr-FR" b="1" dirty="0"/>
              <a:t>, du  </a:t>
            </a:r>
          </a:p>
          <a:p>
            <a:r>
              <a:rPr lang="fr-FR" b="1" dirty="0"/>
              <a:t>   3X3, du Basket Santé et du </a:t>
            </a:r>
            <a:r>
              <a:rPr lang="fr-FR" b="1" dirty="0" err="1"/>
              <a:t>Basketonik</a:t>
            </a:r>
            <a:r>
              <a:rPr lang="fr-FR" b="1" dirty="0"/>
              <a:t> )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2229263358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9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grpSp>
        <p:nvGrpSpPr>
          <p:cNvPr id="2" name="Groupe 34">
            <a:extLst>
              <a:ext uri="{FF2B5EF4-FFF2-40B4-BE49-F238E27FC236}">
                <a16:creationId xmlns:a16="http://schemas.microsoft.com/office/drawing/2014/main" id="{010756C4-DAB1-6273-74E4-31DD7A76E9EE}"/>
              </a:ext>
            </a:extLst>
          </p:cNvPr>
          <p:cNvGrpSpPr/>
          <p:nvPr/>
        </p:nvGrpSpPr>
        <p:grpSpPr>
          <a:xfrm>
            <a:off x="1852654" y="1256307"/>
            <a:ext cx="7561690" cy="3856382"/>
            <a:chOff x="781235" y="38784"/>
            <a:chExt cx="3826276" cy="1542365"/>
          </a:xfrm>
        </p:grpSpPr>
        <p:pic>
          <p:nvPicPr>
            <p:cNvPr id="3" name="Image 3" descr="Une image contenant texte, Police, logo, Graphique&#10;&#10;Description générée automatiquement">
              <a:extLst>
                <a:ext uri="{FF2B5EF4-FFF2-40B4-BE49-F238E27FC236}">
                  <a16:creationId xmlns:a16="http://schemas.microsoft.com/office/drawing/2014/main" id="{20395279-1AE9-4A70-777F-BEEEBA1D70F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4920" r="10306"/>
            <a:stretch/>
          </p:blipFill>
          <p:spPr>
            <a:xfrm>
              <a:off x="781235" y="38784"/>
              <a:ext cx="3826276" cy="1542365"/>
            </a:xfrm>
            <a:prstGeom prst="rect">
              <a:avLst/>
            </a:prstGeom>
          </p:spPr>
        </p:pic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7A285968-3225-292D-B693-2CE1A0F01D0F}"/>
                </a:ext>
              </a:extLst>
            </p:cNvPr>
            <p:cNvSpPr/>
            <p:nvPr/>
          </p:nvSpPr>
          <p:spPr>
            <a:xfrm>
              <a:off x="3923930" y="39381"/>
              <a:ext cx="683581" cy="69746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</p:spTree>
    <p:extLst>
      <p:ext uri="{BB962C8B-B14F-4D97-AF65-F5344CB8AC3E}">
        <p14:creationId xmlns:p14="http://schemas.microsoft.com/office/powerpoint/2010/main" val="3604536471"/>
      </p:ext>
    </p:extLst>
  </p:cSld>
  <p:clrMapOvr>
    <a:masterClrMapping/>
  </p:clrMapOvr>
  <p:transition spd="slow"/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Image 31" descr="Une image contenant texte, Police, logo, Graphique&#10;&#10;Description générée automatiquement">
            <a:extLst>
              <a:ext uri="{FF2B5EF4-FFF2-40B4-BE49-F238E27FC236}">
                <a16:creationId xmlns:a16="http://schemas.microsoft.com/office/drawing/2014/main" id="{CC58E716-9AE7-2AAD-3152-C86E87D349B3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5198" b="54733"/>
          <a:stretch/>
        </p:blipFill>
        <p:spPr>
          <a:xfrm>
            <a:off x="4666786" y="2091625"/>
            <a:ext cx="2939065" cy="2709169"/>
          </a:xfrm>
          <a:prstGeom prst="rect">
            <a:avLst/>
          </a:prstGeom>
        </p:spPr>
      </p:pic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grpSp>
        <p:nvGrpSpPr>
          <p:cNvPr id="35" name="Groupe 34">
            <a:extLst>
              <a:ext uri="{FF2B5EF4-FFF2-40B4-BE49-F238E27FC236}">
                <a16:creationId xmlns:a16="http://schemas.microsoft.com/office/drawing/2014/main" id="{92BC1337-AB45-3C80-0242-857CA8E09E35}"/>
              </a:ext>
            </a:extLst>
          </p:cNvPr>
          <p:cNvGrpSpPr/>
          <p:nvPr/>
        </p:nvGrpSpPr>
        <p:grpSpPr>
          <a:xfrm>
            <a:off x="26633" y="21028"/>
            <a:ext cx="3826276" cy="1542365"/>
            <a:chOff x="781235" y="38784"/>
            <a:chExt cx="3826276" cy="1542365"/>
          </a:xfrm>
        </p:grpSpPr>
        <p:pic>
          <p:nvPicPr>
            <p:cNvPr id="4" name="Image 3" descr="Une image contenant texte, Police, logo, Graphique&#10;&#10;Description générée automatiquement">
              <a:extLst>
                <a:ext uri="{FF2B5EF4-FFF2-40B4-BE49-F238E27FC236}">
                  <a16:creationId xmlns:a16="http://schemas.microsoft.com/office/drawing/2014/main" id="{60664BB7-2721-6096-DF6A-73DE15501DD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4920" r="10306"/>
            <a:stretch/>
          </p:blipFill>
          <p:spPr>
            <a:xfrm>
              <a:off x="781235" y="38784"/>
              <a:ext cx="3826276" cy="1542365"/>
            </a:xfrm>
            <a:prstGeom prst="rect">
              <a:avLst/>
            </a:prstGeom>
          </p:spPr>
        </p:pic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221A7B2A-8BF5-D70E-AC5E-B31B3A09D00A}"/>
                </a:ext>
              </a:extLst>
            </p:cNvPr>
            <p:cNvSpPr/>
            <p:nvPr/>
          </p:nvSpPr>
          <p:spPr>
            <a:xfrm>
              <a:off x="3923930" y="39381"/>
              <a:ext cx="683581" cy="69746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9" name="ZoneTexte 8">
            <a:extLst>
              <a:ext uri="{FF2B5EF4-FFF2-40B4-BE49-F238E27FC236}">
                <a16:creationId xmlns:a16="http://schemas.microsoft.com/office/drawing/2014/main" id="{AE25BEC9-435D-E601-4BA2-96ADA492B174}"/>
              </a:ext>
            </a:extLst>
          </p:cNvPr>
          <p:cNvSpPr txBox="1"/>
          <p:nvPr/>
        </p:nvSpPr>
        <p:spPr>
          <a:xfrm>
            <a:off x="3398387" y="1778699"/>
            <a:ext cx="19007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057DAC"/>
                </a:solidFill>
              </a:rPr>
              <a:t>92/96</a:t>
            </a:r>
            <a:r>
              <a:rPr lang="fr-FR" b="1" dirty="0">
                <a:solidFill>
                  <a:srgbClr val="057DAC"/>
                </a:solidFill>
              </a:rPr>
              <a:t> </a:t>
            </a:r>
            <a:r>
              <a:rPr lang="fr-FR" dirty="0">
                <a:solidFill>
                  <a:srgbClr val="057DAC"/>
                </a:solidFill>
              </a:rPr>
              <a:t>Equipes</a:t>
            </a: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579CABC8-2536-84A5-8A8D-7AE0412F51E9}"/>
              </a:ext>
            </a:extLst>
          </p:cNvPr>
          <p:cNvSpPr txBox="1"/>
          <p:nvPr/>
        </p:nvSpPr>
        <p:spPr>
          <a:xfrm>
            <a:off x="3291180" y="2388812"/>
            <a:ext cx="116431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057DAC"/>
                </a:solidFill>
              </a:rPr>
              <a:t>24</a:t>
            </a:r>
            <a:r>
              <a:rPr lang="fr-FR" dirty="0"/>
              <a:t> </a:t>
            </a:r>
            <a:r>
              <a:rPr lang="fr-FR" dirty="0">
                <a:solidFill>
                  <a:srgbClr val="057DAC"/>
                </a:solidFill>
              </a:rPr>
              <a:t>Clubs</a:t>
            </a:r>
          </a:p>
        </p:txBody>
      </p:sp>
      <p:pic>
        <p:nvPicPr>
          <p:cNvPr id="15" name="Image 14" descr="Une image contenant Graphique, Police, graphisme, logo&#10;&#10;Description générée automatiquement">
            <a:extLst>
              <a:ext uri="{FF2B5EF4-FFF2-40B4-BE49-F238E27FC236}">
                <a16:creationId xmlns:a16="http://schemas.microsoft.com/office/drawing/2014/main" id="{6721B0D9-5504-ECD2-3ABA-1E8A76CF8E0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8929" y="3060945"/>
            <a:ext cx="2254928" cy="56373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pSp>
        <p:nvGrpSpPr>
          <p:cNvPr id="18" name="Groupe 17">
            <a:extLst>
              <a:ext uri="{FF2B5EF4-FFF2-40B4-BE49-F238E27FC236}">
                <a16:creationId xmlns:a16="http://schemas.microsoft.com/office/drawing/2014/main" id="{E2349741-E5AC-C076-F993-A0092EB7C8BD}"/>
              </a:ext>
            </a:extLst>
          </p:cNvPr>
          <p:cNvGrpSpPr/>
          <p:nvPr/>
        </p:nvGrpSpPr>
        <p:grpSpPr>
          <a:xfrm>
            <a:off x="1895101" y="4082157"/>
            <a:ext cx="2655601" cy="1428165"/>
            <a:chOff x="6478392" y="2116954"/>
            <a:chExt cx="2751686" cy="1790197"/>
          </a:xfrm>
        </p:grpSpPr>
        <p:pic>
          <p:nvPicPr>
            <p:cNvPr id="16" name="Image 15">
              <a:extLst>
                <a:ext uri="{FF2B5EF4-FFF2-40B4-BE49-F238E27FC236}">
                  <a16:creationId xmlns:a16="http://schemas.microsoft.com/office/drawing/2014/main" id="{F52516F8-54A6-71CC-CF93-29AE9A66AE90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6478392" y="2140137"/>
              <a:ext cx="2751686" cy="1767014"/>
            </a:xfrm>
            <a:prstGeom prst="rect">
              <a:avLst/>
            </a:prstGeom>
            <a:ln>
              <a:noFill/>
            </a:ln>
            <a:effectLst>
              <a:outerShdw blurRad="190500" algn="tl" rotWithShape="0">
                <a:srgbClr val="000000">
                  <a:alpha val="70000"/>
                </a:srgbClr>
              </a:outerShdw>
            </a:effectLst>
          </p:spPr>
        </p:pic>
        <p:sp>
          <p:nvSpPr>
            <p:cNvPr id="17" name="ZoneTexte 16">
              <a:extLst>
                <a:ext uri="{FF2B5EF4-FFF2-40B4-BE49-F238E27FC236}">
                  <a16:creationId xmlns:a16="http://schemas.microsoft.com/office/drawing/2014/main" id="{60A09A1C-2A91-2FA2-B723-72FD00489745}"/>
                </a:ext>
              </a:extLst>
            </p:cNvPr>
            <p:cNvSpPr txBox="1"/>
            <p:nvPr/>
          </p:nvSpPr>
          <p:spPr>
            <a:xfrm>
              <a:off x="6796079" y="2116954"/>
              <a:ext cx="2079773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sz="2400" b="1" dirty="0">
                  <a:solidFill>
                    <a:schemeClr val="bg1"/>
                  </a:solidFill>
                </a:rPr>
                <a:t>398 Tentatives</a:t>
              </a:r>
            </a:p>
          </p:txBody>
        </p:sp>
      </p:grpSp>
      <p:sp>
        <p:nvSpPr>
          <p:cNvPr id="21" name="ZoneTexte 20">
            <a:extLst>
              <a:ext uri="{FF2B5EF4-FFF2-40B4-BE49-F238E27FC236}">
                <a16:creationId xmlns:a16="http://schemas.microsoft.com/office/drawing/2014/main" id="{C56CEC24-4980-C9B0-7D06-75319B627D7F}"/>
              </a:ext>
            </a:extLst>
          </p:cNvPr>
          <p:cNvSpPr txBox="1"/>
          <p:nvPr/>
        </p:nvSpPr>
        <p:spPr>
          <a:xfrm>
            <a:off x="7260827" y="1748302"/>
            <a:ext cx="178441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D80518"/>
                </a:solidFill>
              </a:rPr>
              <a:t>96</a:t>
            </a:r>
            <a:r>
              <a:rPr lang="fr-FR" sz="2800" b="1" dirty="0"/>
              <a:t> </a:t>
            </a:r>
            <a:r>
              <a:rPr lang="fr-FR" dirty="0">
                <a:solidFill>
                  <a:srgbClr val="D80518"/>
                </a:solidFill>
              </a:rPr>
              <a:t>Equipes 🔝</a:t>
            </a:r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CE5BB207-2C93-6068-99A5-5FD77AC67FE5}"/>
              </a:ext>
            </a:extLst>
          </p:cNvPr>
          <p:cNvSpPr txBox="1"/>
          <p:nvPr/>
        </p:nvSpPr>
        <p:spPr>
          <a:xfrm>
            <a:off x="7664366" y="2422314"/>
            <a:ext cx="188563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D80518"/>
                </a:solidFill>
              </a:rPr>
              <a:t>↗</a:t>
            </a:r>
            <a:r>
              <a:rPr lang="fr-FR" dirty="0">
                <a:solidFill>
                  <a:srgbClr val="D80518"/>
                </a:solidFill>
              </a:rPr>
              <a:t> Clubs hors </a:t>
            </a:r>
            <a:r>
              <a:rPr lang="fr-FR" sz="2800" b="1" dirty="0">
                <a:solidFill>
                  <a:srgbClr val="D80518"/>
                </a:solidFill>
              </a:rPr>
              <a:t>49</a:t>
            </a:r>
            <a:endParaRPr lang="fr-FR" b="1" dirty="0">
              <a:solidFill>
                <a:srgbClr val="D80518"/>
              </a:solidFill>
            </a:endParaRPr>
          </a:p>
        </p:txBody>
      </p:sp>
      <p:sp>
        <p:nvSpPr>
          <p:cNvPr id="25" name="ZoneTexte 24">
            <a:extLst>
              <a:ext uri="{FF2B5EF4-FFF2-40B4-BE49-F238E27FC236}">
                <a16:creationId xmlns:a16="http://schemas.microsoft.com/office/drawing/2014/main" id="{DA6A0CEB-D62D-E2AB-211D-FCAE2C9BC512}"/>
              </a:ext>
            </a:extLst>
          </p:cNvPr>
          <p:cNvSpPr txBox="1"/>
          <p:nvPr/>
        </p:nvSpPr>
        <p:spPr>
          <a:xfrm>
            <a:off x="7738952" y="3708041"/>
            <a:ext cx="37276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rgbClr val="D80518"/>
                </a:solidFill>
              </a:rPr>
              <a:t>Faire participer d’autres </a:t>
            </a:r>
            <a:r>
              <a:rPr lang="fr-FR" b="1" dirty="0">
                <a:solidFill>
                  <a:srgbClr val="D80518"/>
                </a:solidFill>
              </a:rPr>
              <a:t>partenaires</a:t>
            </a:r>
            <a:r>
              <a:rPr lang="fr-FR" dirty="0">
                <a:solidFill>
                  <a:srgbClr val="D80518"/>
                </a:solidFill>
              </a:rPr>
              <a:t> ?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4CD94859-08E3-A52B-A84E-DCB4E52BF277}"/>
              </a:ext>
            </a:extLst>
          </p:cNvPr>
          <p:cNvSpPr txBox="1"/>
          <p:nvPr/>
        </p:nvSpPr>
        <p:spPr>
          <a:xfrm>
            <a:off x="4784568" y="6248171"/>
            <a:ext cx="27471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Plannings Arbitrage / Table</a:t>
            </a:r>
          </a:p>
        </p:txBody>
      </p:sp>
      <p:pic>
        <p:nvPicPr>
          <p:cNvPr id="27" name="Image 26">
            <a:extLst>
              <a:ext uri="{FF2B5EF4-FFF2-40B4-BE49-F238E27FC236}">
                <a16:creationId xmlns:a16="http://schemas.microsoft.com/office/drawing/2014/main" id="{B2B79A11-9801-B2B7-5F06-FD7CAB8B7E87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12718" r="6777"/>
          <a:stretch/>
        </p:blipFill>
        <p:spPr>
          <a:xfrm>
            <a:off x="5467776" y="5083279"/>
            <a:ext cx="1380731" cy="1043343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grpSp>
        <p:nvGrpSpPr>
          <p:cNvPr id="39" name="Groupe 38">
            <a:extLst>
              <a:ext uri="{FF2B5EF4-FFF2-40B4-BE49-F238E27FC236}">
                <a16:creationId xmlns:a16="http://schemas.microsoft.com/office/drawing/2014/main" id="{941211C1-D229-D428-09A5-FC7E9A895A08}"/>
              </a:ext>
            </a:extLst>
          </p:cNvPr>
          <p:cNvGrpSpPr/>
          <p:nvPr/>
        </p:nvGrpSpPr>
        <p:grpSpPr>
          <a:xfrm>
            <a:off x="7260827" y="4847066"/>
            <a:ext cx="2221291" cy="515229"/>
            <a:chOff x="8752988" y="4935388"/>
            <a:chExt cx="2221291" cy="515229"/>
          </a:xfrm>
        </p:grpSpPr>
        <p:sp>
          <p:nvSpPr>
            <p:cNvPr id="26" name="ZoneTexte 25">
              <a:extLst>
                <a:ext uri="{FF2B5EF4-FFF2-40B4-BE49-F238E27FC236}">
                  <a16:creationId xmlns:a16="http://schemas.microsoft.com/office/drawing/2014/main" id="{7AED378C-B581-7B68-EF88-02A9CD924CC0}"/>
                </a:ext>
              </a:extLst>
            </p:cNvPr>
            <p:cNvSpPr txBox="1"/>
            <p:nvPr/>
          </p:nvSpPr>
          <p:spPr>
            <a:xfrm>
              <a:off x="9296400" y="5011449"/>
              <a:ext cx="167787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b="1" dirty="0">
                  <a:solidFill>
                    <a:srgbClr val="D80518"/>
                  </a:solidFill>
                </a:rPr>
                <a:t>Tri</a:t>
              </a:r>
              <a:r>
                <a:rPr lang="fr-FR" dirty="0">
                  <a:solidFill>
                    <a:srgbClr val="D80518"/>
                  </a:solidFill>
                </a:rPr>
                <a:t> des </a:t>
              </a:r>
              <a:r>
                <a:rPr lang="fr-FR" b="1" dirty="0">
                  <a:solidFill>
                    <a:srgbClr val="D80518"/>
                  </a:solidFill>
                </a:rPr>
                <a:t>déchets</a:t>
              </a:r>
            </a:p>
          </p:txBody>
        </p:sp>
        <p:pic>
          <p:nvPicPr>
            <p:cNvPr id="28" name="Image 27">
              <a:extLst>
                <a:ext uri="{FF2B5EF4-FFF2-40B4-BE49-F238E27FC236}">
                  <a16:creationId xmlns:a16="http://schemas.microsoft.com/office/drawing/2014/main" id="{8AD26CDD-56A3-6D9D-C16F-0098D25FB109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8752988" y="4935388"/>
              <a:ext cx="515229" cy="515229"/>
            </a:xfrm>
            <a:prstGeom prst="rect">
              <a:avLst/>
            </a:prstGeom>
          </p:spPr>
        </p:pic>
      </p:grpSp>
      <p:grpSp>
        <p:nvGrpSpPr>
          <p:cNvPr id="36" name="Groupe 35">
            <a:extLst>
              <a:ext uri="{FF2B5EF4-FFF2-40B4-BE49-F238E27FC236}">
                <a16:creationId xmlns:a16="http://schemas.microsoft.com/office/drawing/2014/main" id="{3DFCA89E-FDC5-609C-194A-B4AE822ECF3B}"/>
              </a:ext>
            </a:extLst>
          </p:cNvPr>
          <p:cNvGrpSpPr/>
          <p:nvPr/>
        </p:nvGrpSpPr>
        <p:grpSpPr>
          <a:xfrm>
            <a:off x="7831890" y="3032760"/>
            <a:ext cx="2445197" cy="520916"/>
            <a:chOff x="8966009" y="4226996"/>
            <a:chExt cx="2445197" cy="520916"/>
          </a:xfrm>
        </p:grpSpPr>
        <p:sp>
          <p:nvSpPr>
            <p:cNvPr id="23" name="ZoneTexte 22">
              <a:extLst>
                <a:ext uri="{FF2B5EF4-FFF2-40B4-BE49-F238E27FC236}">
                  <a16:creationId xmlns:a16="http://schemas.microsoft.com/office/drawing/2014/main" id="{C69500AB-5518-605E-0380-E42EAD50D707}"/>
                </a:ext>
              </a:extLst>
            </p:cNvPr>
            <p:cNvSpPr txBox="1"/>
            <p:nvPr/>
          </p:nvSpPr>
          <p:spPr>
            <a:xfrm>
              <a:off x="8966009" y="4302788"/>
              <a:ext cx="201523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>
                  <a:solidFill>
                    <a:srgbClr val="D80518"/>
                  </a:solidFill>
                </a:rPr>
                <a:t>Inscription en ligne</a:t>
              </a:r>
            </a:p>
          </p:txBody>
        </p:sp>
        <p:pic>
          <p:nvPicPr>
            <p:cNvPr id="29" name="Image 28" descr="Une image contenant Graphique, Police, graphisme, logo&#10;&#10;Description générée automatiquement">
              <a:extLst>
                <a:ext uri="{FF2B5EF4-FFF2-40B4-BE49-F238E27FC236}">
                  <a16:creationId xmlns:a16="http://schemas.microsoft.com/office/drawing/2014/main" id="{DB6AB2C1-99E8-5F47-7E55-E28E2DDB581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" t="-1" r="75656" b="7595"/>
            <a:stretch/>
          </p:blipFill>
          <p:spPr>
            <a:xfrm>
              <a:off x="10859911" y="4226996"/>
              <a:ext cx="551295" cy="520916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</p:spPr>
        </p:pic>
      </p:grpSp>
      <p:grpSp>
        <p:nvGrpSpPr>
          <p:cNvPr id="37" name="Groupe 36">
            <a:extLst>
              <a:ext uri="{FF2B5EF4-FFF2-40B4-BE49-F238E27FC236}">
                <a16:creationId xmlns:a16="http://schemas.microsoft.com/office/drawing/2014/main" id="{58358D40-B6E5-0799-A8AB-61FC6EF73170}"/>
              </a:ext>
            </a:extLst>
          </p:cNvPr>
          <p:cNvGrpSpPr/>
          <p:nvPr/>
        </p:nvGrpSpPr>
        <p:grpSpPr>
          <a:xfrm>
            <a:off x="7649132" y="4193639"/>
            <a:ext cx="2950245" cy="598845"/>
            <a:chOff x="8534094" y="4879089"/>
            <a:chExt cx="2950245" cy="598845"/>
          </a:xfrm>
        </p:grpSpPr>
        <p:sp>
          <p:nvSpPr>
            <p:cNvPr id="24" name="ZoneTexte 23">
              <a:extLst>
                <a:ext uri="{FF2B5EF4-FFF2-40B4-BE49-F238E27FC236}">
                  <a16:creationId xmlns:a16="http://schemas.microsoft.com/office/drawing/2014/main" id="{75E4F349-1554-D08F-6DFA-0078C78059C3}"/>
                </a:ext>
              </a:extLst>
            </p:cNvPr>
            <p:cNvSpPr txBox="1"/>
            <p:nvPr/>
          </p:nvSpPr>
          <p:spPr>
            <a:xfrm>
              <a:off x="8534094" y="4993845"/>
              <a:ext cx="1885631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>
                  <a:solidFill>
                    <a:srgbClr val="D80518"/>
                  </a:solidFill>
                </a:rPr>
                <a:t>Vente de </a:t>
              </a:r>
              <a:r>
                <a:rPr lang="fr-FR" b="1" dirty="0">
                  <a:solidFill>
                    <a:srgbClr val="D80518"/>
                  </a:solidFill>
                </a:rPr>
                <a:t>Crêpes </a:t>
              </a:r>
              <a:r>
                <a:rPr lang="fr-FR" dirty="0">
                  <a:solidFill>
                    <a:srgbClr val="D80518"/>
                  </a:solidFill>
                </a:rPr>
                <a:t>?</a:t>
              </a:r>
            </a:p>
          </p:txBody>
        </p:sp>
        <p:pic>
          <p:nvPicPr>
            <p:cNvPr id="30" name="Image 29">
              <a:extLst>
                <a:ext uri="{FF2B5EF4-FFF2-40B4-BE49-F238E27FC236}">
                  <a16:creationId xmlns:a16="http://schemas.microsoft.com/office/drawing/2014/main" id="{319957C4-A68A-4490-9950-3F6157F66C25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10419725" y="4879089"/>
              <a:ext cx="1064614" cy="598845"/>
            </a:xfrm>
            <a:prstGeom prst="rect">
              <a:avLst/>
            </a:prstGeom>
            <a:ln>
              <a:noFill/>
            </a:ln>
            <a:effectLst>
              <a:outerShdw blurRad="190500" algn="tl" rotWithShape="0">
                <a:srgbClr val="000000">
                  <a:alpha val="70000"/>
                </a:srgbClr>
              </a:outerShdw>
            </a:effectLst>
          </p:spPr>
        </p:pic>
      </p:grpSp>
      <p:pic>
        <p:nvPicPr>
          <p:cNvPr id="12" name="Image 11">
            <a:extLst>
              <a:ext uri="{FF2B5EF4-FFF2-40B4-BE49-F238E27FC236}">
                <a16:creationId xmlns:a16="http://schemas.microsoft.com/office/drawing/2014/main" id="{BFCC02DD-15EF-05F4-AC1F-74ADD64C61EB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l="82836" t="76720" r="4661" b="4550"/>
          <a:stretch/>
        </p:blipFill>
        <p:spPr>
          <a:xfrm>
            <a:off x="5776048" y="2859773"/>
            <a:ext cx="931333" cy="1045634"/>
          </a:xfrm>
          <a:prstGeom prst="rect">
            <a:avLst/>
          </a:prstGeom>
        </p:spPr>
      </p:pic>
      <p:sp>
        <p:nvSpPr>
          <p:cNvPr id="40" name="ZoneTexte 39">
            <a:extLst>
              <a:ext uri="{FF2B5EF4-FFF2-40B4-BE49-F238E27FC236}">
                <a16:creationId xmlns:a16="http://schemas.microsoft.com/office/drawing/2014/main" id="{48A15D73-28FF-1125-7553-461E6E0603C3}"/>
              </a:ext>
            </a:extLst>
          </p:cNvPr>
          <p:cNvSpPr txBox="1"/>
          <p:nvPr/>
        </p:nvSpPr>
        <p:spPr>
          <a:xfrm>
            <a:off x="4288944" y="452876"/>
            <a:ext cx="143162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400" b="1" dirty="0">
                <a:solidFill>
                  <a:srgbClr val="057DAC"/>
                </a:solidFill>
              </a:rPr>
              <a:t>2023</a:t>
            </a:r>
            <a:endParaRPr lang="fr-FR" sz="4400" b="1" dirty="0">
              <a:solidFill>
                <a:srgbClr val="D80518"/>
              </a:solidFill>
            </a:endParaRPr>
          </a:p>
        </p:txBody>
      </p:sp>
      <p:sp>
        <p:nvSpPr>
          <p:cNvPr id="41" name="ZoneTexte 40">
            <a:extLst>
              <a:ext uri="{FF2B5EF4-FFF2-40B4-BE49-F238E27FC236}">
                <a16:creationId xmlns:a16="http://schemas.microsoft.com/office/drawing/2014/main" id="{472653AE-6A18-32D3-3078-771D89C59667}"/>
              </a:ext>
            </a:extLst>
          </p:cNvPr>
          <p:cNvSpPr txBox="1"/>
          <p:nvPr/>
        </p:nvSpPr>
        <p:spPr>
          <a:xfrm>
            <a:off x="5890390" y="386728"/>
            <a:ext cx="243423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800" b="1" dirty="0"/>
              <a:t>➡</a:t>
            </a:r>
            <a:r>
              <a:rPr lang="fr-FR" sz="4400" b="1" dirty="0"/>
              <a:t>   </a:t>
            </a:r>
            <a:r>
              <a:rPr lang="fr-FR" sz="4400" b="1" dirty="0">
                <a:solidFill>
                  <a:srgbClr val="D80518"/>
                </a:solidFill>
              </a:rPr>
              <a:t>2024</a:t>
            </a:r>
          </a:p>
        </p:txBody>
      </p:sp>
      <p:grpSp>
        <p:nvGrpSpPr>
          <p:cNvPr id="2" name="Groupe 1">
            <a:extLst>
              <a:ext uri="{FF2B5EF4-FFF2-40B4-BE49-F238E27FC236}">
                <a16:creationId xmlns:a16="http://schemas.microsoft.com/office/drawing/2014/main" id="{A2607585-0726-EC63-92D4-A062DC73A53F}"/>
              </a:ext>
            </a:extLst>
          </p:cNvPr>
          <p:cNvGrpSpPr/>
          <p:nvPr/>
        </p:nvGrpSpPr>
        <p:grpSpPr>
          <a:xfrm>
            <a:off x="1132693" y="1443085"/>
            <a:ext cx="10218042" cy="5268575"/>
            <a:chOff x="1132693" y="1442311"/>
            <a:chExt cx="10218042" cy="5268575"/>
          </a:xfrm>
        </p:grpSpPr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10CB9173-466E-BF4B-DD8D-BF6BB47529DB}"/>
                </a:ext>
              </a:extLst>
            </p:cNvPr>
            <p:cNvSpPr/>
            <p:nvPr/>
          </p:nvSpPr>
          <p:spPr>
            <a:xfrm>
              <a:off x="1132693" y="1744063"/>
              <a:ext cx="10218042" cy="496682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45" name="Image 44" descr="Une image contenant personne, sport, chaussures, habits&#10;&#10;Description générée automatiquement">
              <a:extLst>
                <a:ext uri="{FF2B5EF4-FFF2-40B4-BE49-F238E27FC236}">
                  <a16:creationId xmlns:a16="http://schemas.microsoft.com/office/drawing/2014/main" id="{3E1D0F7E-5A52-66BA-FCD5-AA1C838E7ABF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069202" y="1442311"/>
              <a:ext cx="6324409" cy="4957687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190500" cap="sq">
              <a:solidFill>
                <a:srgbClr val="FFFFFF"/>
              </a:solidFill>
              <a:miter lim="800000"/>
            </a:ln>
            <a:effectLst>
              <a:outerShdw blurRad="65000" dist="50800" dir="12900000" kx="195000" ky="145000" algn="tl" rotWithShape="0">
                <a:srgbClr val="000000">
                  <a:alpha val="30000"/>
                </a:srgbClr>
              </a:outerShdw>
            </a:effectLst>
            <a:scene3d>
              <a:camera prst="orthographicFront">
                <a:rot lat="0" lon="0" rev="360000"/>
              </a:camera>
              <a:lightRig rig="twoPt" dir="t">
                <a:rot lat="0" lon="0" rev="7200000"/>
              </a:lightRig>
            </a:scene3d>
            <a:sp3d contourW="12700">
              <a:bevelT w="25400" h="19050"/>
              <a:contourClr>
                <a:srgbClr val="969696"/>
              </a:contourClr>
            </a:sp3d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0437673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5807765-1953-448F-946F-188C8702418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94461" y="109986"/>
            <a:ext cx="8021169" cy="590632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6168D0A-35BE-44D5-A5F4-CCD58CD8DD3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4461" y="2638425"/>
            <a:ext cx="2024914" cy="176946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C3349A9-345F-41C6-8BFB-713EB8F2C7A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07666" y="820572"/>
            <a:ext cx="7777620" cy="585423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2976194"/>
      </p:ext>
    </p:extLst>
  </p:cSld>
  <p:clrMapOvr>
    <a:masterClrMapping/>
  </p:clrMapOvr>
  <p:transition>
    <p:fade/>
  </p:transition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" name="Image 31" descr="Une image contenant texte, Police, logo, Graphique&#10;&#10;Description générée automatiquement">
            <a:extLst>
              <a:ext uri="{FF2B5EF4-FFF2-40B4-BE49-F238E27FC236}">
                <a16:creationId xmlns:a16="http://schemas.microsoft.com/office/drawing/2014/main" id="{CC58E716-9AE7-2AAD-3152-C86E87D349B3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5198" b="54733"/>
          <a:stretch/>
        </p:blipFill>
        <p:spPr>
          <a:xfrm>
            <a:off x="4666786" y="2091625"/>
            <a:ext cx="2939065" cy="2709169"/>
          </a:xfrm>
          <a:prstGeom prst="rect">
            <a:avLst/>
          </a:prstGeom>
        </p:spPr>
      </p:pic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grpSp>
        <p:nvGrpSpPr>
          <p:cNvPr id="35" name="Groupe 34">
            <a:extLst>
              <a:ext uri="{FF2B5EF4-FFF2-40B4-BE49-F238E27FC236}">
                <a16:creationId xmlns:a16="http://schemas.microsoft.com/office/drawing/2014/main" id="{92BC1337-AB45-3C80-0242-857CA8E09E35}"/>
              </a:ext>
            </a:extLst>
          </p:cNvPr>
          <p:cNvGrpSpPr/>
          <p:nvPr/>
        </p:nvGrpSpPr>
        <p:grpSpPr>
          <a:xfrm>
            <a:off x="26633" y="21028"/>
            <a:ext cx="3826276" cy="1542365"/>
            <a:chOff x="781235" y="38784"/>
            <a:chExt cx="3826276" cy="1542365"/>
          </a:xfrm>
        </p:grpSpPr>
        <p:pic>
          <p:nvPicPr>
            <p:cNvPr id="4" name="Image 3" descr="Une image contenant texte, Police, logo, Graphique&#10;&#10;Description générée automatiquement">
              <a:extLst>
                <a:ext uri="{FF2B5EF4-FFF2-40B4-BE49-F238E27FC236}">
                  <a16:creationId xmlns:a16="http://schemas.microsoft.com/office/drawing/2014/main" id="{60664BB7-2721-6096-DF6A-73DE15501DD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4920" r="10306"/>
            <a:stretch/>
          </p:blipFill>
          <p:spPr>
            <a:xfrm>
              <a:off x="781235" y="38784"/>
              <a:ext cx="3826276" cy="1542365"/>
            </a:xfrm>
            <a:prstGeom prst="rect">
              <a:avLst/>
            </a:prstGeom>
          </p:spPr>
        </p:pic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221A7B2A-8BF5-D70E-AC5E-B31B3A09D00A}"/>
                </a:ext>
              </a:extLst>
            </p:cNvPr>
            <p:cNvSpPr/>
            <p:nvPr/>
          </p:nvSpPr>
          <p:spPr>
            <a:xfrm>
              <a:off x="3923930" y="39381"/>
              <a:ext cx="683581" cy="697466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9" name="ZoneTexte 8">
            <a:extLst>
              <a:ext uri="{FF2B5EF4-FFF2-40B4-BE49-F238E27FC236}">
                <a16:creationId xmlns:a16="http://schemas.microsoft.com/office/drawing/2014/main" id="{AE25BEC9-435D-E601-4BA2-96ADA492B174}"/>
              </a:ext>
            </a:extLst>
          </p:cNvPr>
          <p:cNvSpPr txBox="1"/>
          <p:nvPr/>
        </p:nvSpPr>
        <p:spPr>
          <a:xfrm>
            <a:off x="3398387" y="1778699"/>
            <a:ext cx="19007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057DAC"/>
                </a:solidFill>
              </a:rPr>
              <a:t>92/96</a:t>
            </a:r>
            <a:r>
              <a:rPr lang="fr-FR" b="1" dirty="0">
                <a:solidFill>
                  <a:srgbClr val="057DAC"/>
                </a:solidFill>
              </a:rPr>
              <a:t> </a:t>
            </a:r>
            <a:r>
              <a:rPr lang="fr-FR" dirty="0">
                <a:solidFill>
                  <a:srgbClr val="057DAC"/>
                </a:solidFill>
              </a:rPr>
              <a:t>Equipes</a:t>
            </a: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579CABC8-2536-84A5-8A8D-7AE0412F51E9}"/>
              </a:ext>
            </a:extLst>
          </p:cNvPr>
          <p:cNvSpPr txBox="1"/>
          <p:nvPr/>
        </p:nvSpPr>
        <p:spPr>
          <a:xfrm>
            <a:off x="3291180" y="2388812"/>
            <a:ext cx="116431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057DAC"/>
                </a:solidFill>
              </a:rPr>
              <a:t>24</a:t>
            </a:r>
            <a:r>
              <a:rPr lang="fr-FR" dirty="0"/>
              <a:t> </a:t>
            </a:r>
            <a:r>
              <a:rPr lang="fr-FR" dirty="0">
                <a:solidFill>
                  <a:srgbClr val="057DAC"/>
                </a:solidFill>
              </a:rPr>
              <a:t>Clubs</a:t>
            </a:r>
          </a:p>
        </p:txBody>
      </p:sp>
      <p:pic>
        <p:nvPicPr>
          <p:cNvPr id="15" name="Image 14" descr="Une image contenant Graphique, Police, graphisme, logo&#10;&#10;Description générée automatiquement">
            <a:extLst>
              <a:ext uri="{FF2B5EF4-FFF2-40B4-BE49-F238E27FC236}">
                <a16:creationId xmlns:a16="http://schemas.microsoft.com/office/drawing/2014/main" id="{6721B0D9-5504-ECD2-3ABA-1E8A76CF8E0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68929" y="3060945"/>
            <a:ext cx="2254928" cy="56373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pSp>
        <p:nvGrpSpPr>
          <p:cNvPr id="18" name="Groupe 17">
            <a:extLst>
              <a:ext uri="{FF2B5EF4-FFF2-40B4-BE49-F238E27FC236}">
                <a16:creationId xmlns:a16="http://schemas.microsoft.com/office/drawing/2014/main" id="{E2349741-E5AC-C076-F993-A0092EB7C8BD}"/>
              </a:ext>
            </a:extLst>
          </p:cNvPr>
          <p:cNvGrpSpPr/>
          <p:nvPr/>
        </p:nvGrpSpPr>
        <p:grpSpPr>
          <a:xfrm>
            <a:off x="1895101" y="4082157"/>
            <a:ext cx="2655601" cy="1428165"/>
            <a:chOff x="6478392" y="2116954"/>
            <a:chExt cx="2751686" cy="1790197"/>
          </a:xfrm>
        </p:grpSpPr>
        <p:pic>
          <p:nvPicPr>
            <p:cNvPr id="16" name="Image 15">
              <a:extLst>
                <a:ext uri="{FF2B5EF4-FFF2-40B4-BE49-F238E27FC236}">
                  <a16:creationId xmlns:a16="http://schemas.microsoft.com/office/drawing/2014/main" id="{F52516F8-54A6-71CC-CF93-29AE9A66AE90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6478392" y="2140137"/>
              <a:ext cx="2751686" cy="1767014"/>
            </a:xfrm>
            <a:prstGeom prst="rect">
              <a:avLst/>
            </a:prstGeom>
            <a:ln>
              <a:noFill/>
            </a:ln>
            <a:effectLst>
              <a:outerShdw blurRad="190500" algn="tl" rotWithShape="0">
                <a:srgbClr val="000000">
                  <a:alpha val="70000"/>
                </a:srgbClr>
              </a:outerShdw>
            </a:effectLst>
          </p:spPr>
        </p:pic>
        <p:sp>
          <p:nvSpPr>
            <p:cNvPr id="17" name="ZoneTexte 16">
              <a:extLst>
                <a:ext uri="{FF2B5EF4-FFF2-40B4-BE49-F238E27FC236}">
                  <a16:creationId xmlns:a16="http://schemas.microsoft.com/office/drawing/2014/main" id="{60A09A1C-2A91-2FA2-B723-72FD00489745}"/>
                </a:ext>
              </a:extLst>
            </p:cNvPr>
            <p:cNvSpPr txBox="1"/>
            <p:nvPr/>
          </p:nvSpPr>
          <p:spPr>
            <a:xfrm>
              <a:off x="6796079" y="2116954"/>
              <a:ext cx="2079773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sz="2400" b="1" dirty="0">
                  <a:solidFill>
                    <a:schemeClr val="bg1"/>
                  </a:solidFill>
                </a:rPr>
                <a:t>398 Tentatives</a:t>
              </a:r>
            </a:p>
          </p:txBody>
        </p:sp>
      </p:grpSp>
      <p:sp>
        <p:nvSpPr>
          <p:cNvPr id="21" name="ZoneTexte 20">
            <a:extLst>
              <a:ext uri="{FF2B5EF4-FFF2-40B4-BE49-F238E27FC236}">
                <a16:creationId xmlns:a16="http://schemas.microsoft.com/office/drawing/2014/main" id="{C56CEC24-4980-C9B0-7D06-75319B627D7F}"/>
              </a:ext>
            </a:extLst>
          </p:cNvPr>
          <p:cNvSpPr txBox="1"/>
          <p:nvPr/>
        </p:nvSpPr>
        <p:spPr>
          <a:xfrm>
            <a:off x="7260827" y="1748302"/>
            <a:ext cx="178441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D80518"/>
                </a:solidFill>
              </a:rPr>
              <a:t>96</a:t>
            </a:r>
            <a:r>
              <a:rPr lang="fr-FR" sz="2800" b="1" dirty="0"/>
              <a:t> </a:t>
            </a:r>
            <a:r>
              <a:rPr lang="fr-FR" dirty="0">
                <a:solidFill>
                  <a:srgbClr val="D80518"/>
                </a:solidFill>
              </a:rPr>
              <a:t>Equipes 🔝</a:t>
            </a:r>
          </a:p>
        </p:txBody>
      </p:sp>
      <p:sp>
        <p:nvSpPr>
          <p:cNvPr id="22" name="ZoneTexte 21">
            <a:extLst>
              <a:ext uri="{FF2B5EF4-FFF2-40B4-BE49-F238E27FC236}">
                <a16:creationId xmlns:a16="http://schemas.microsoft.com/office/drawing/2014/main" id="{CE5BB207-2C93-6068-99A5-5FD77AC67FE5}"/>
              </a:ext>
            </a:extLst>
          </p:cNvPr>
          <p:cNvSpPr txBox="1"/>
          <p:nvPr/>
        </p:nvSpPr>
        <p:spPr>
          <a:xfrm>
            <a:off x="7664366" y="2422314"/>
            <a:ext cx="188563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D80518"/>
                </a:solidFill>
              </a:rPr>
              <a:t>↗</a:t>
            </a:r>
            <a:r>
              <a:rPr lang="fr-FR" dirty="0">
                <a:solidFill>
                  <a:srgbClr val="D80518"/>
                </a:solidFill>
              </a:rPr>
              <a:t> Clubs hors </a:t>
            </a:r>
            <a:r>
              <a:rPr lang="fr-FR" sz="2800" b="1" dirty="0">
                <a:solidFill>
                  <a:srgbClr val="D80518"/>
                </a:solidFill>
              </a:rPr>
              <a:t>49</a:t>
            </a:r>
            <a:endParaRPr lang="fr-FR" b="1" dirty="0">
              <a:solidFill>
                <a:srgbClr val="D80518"/>
              </a:solidFill>
            </a:endParaRPr>
          </a:p>
        </p:txBody>
      </p:sp>
      <p:sp>
        <p:nvSpPr>
          <p:cNvPr id="25" name="ZoneTexte 24">
            <a:extLst>
              <a:ext uri="{FF2B5EF4-FFF2-40B4-BE49-F238E27FC236}">
                <a16:creationId xmlns:a16="http://schemas.microsoft.com/office/drawing/2014/main" id="{DA6A0CEB-D62D-E2AB-211D-FCAE2C9BC512}"/>
              </a:ext>
            </a:extLst>
          </p:cNvPr>
          <p:cNvSpPr txBox="1"/>
          <p:nvPr/>
        </p:nvSpPr>
        <p:spPr>
          <a:xfrm>
            <a:off x="7738952" y="3708041"/>
            <a:ext cx="37276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rgbClr val="D80518"/>
                </a:solidFill>
              </a:rPr>
              <a:t>Faire participer d’autres </a:t>
            </a:r>
            <a:r>
              <a:rPr lang="fr-FR" b="1" dirty="0">
                <a:solidFill>
                  <a:srgbClr val="D80518"/>
                </a:solidFill>
              </a:rPr>
              <a:t>partenaires</a:t>
            </a:r>
            <a:r>
              <a:rPr lang="fr-FR" dirty="0">
                <a:solidFill>
                  <a:srgbClr val="D80518"/>
                </a:solidFill>
              </a:rPr>
              <a:t> ?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4CD94859-08E3-A52B-A84E-DCB4E52BF277}"/>
              </a:ext>
            </a:extLst>
          </p:cNvPr>
          <p:cNvSpPr txBox="1"/>
          <p:nvPr/>
        </p:nvSpPr>
        <p:spPr>
          <a:xfrm>
            <a:off x="4784568" y="6248171"/>
            <a:ext cx="27471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/>
              <a:t>Plannings Arbitrage / Table</a:t>
            </a:r>
          </a:p>
        </p:txBody>
      </p:sp>
      <p:pic>
        <p:nvPicPr>
          <p:cNvPr id="27" name="Image 26">
            <a:extLst>
              <a:ext uri="{FF2B5EF4-FFF2-40B4-BE49-F238E27FC236}">
                <a16:creationId xmlns:a16="http://schemas.microsoft.com/office/drawing/2014/main" id="{B2B79A11-9801-B2B7-5F06-FD7CAB8B7E87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12718" r="6777"/>
          <a:stretch/>
        </p:blipFill>
        <p:spPr>
          <a:xfrm>
            <a:off x="5467776" y="5083279"/>
            <a:ext cx="1380731" cy="1043343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grpSp>
        <p:nvGrpSpPr>
          <p:cNvPr id="39" name="Groupe 38">
            <a:extLst>
              <a:ext uri="{FF2B5EF4-FFF2-40B4-BE49-F238E27FC236}">
                <a16:creationId xmlns:a16="http://schemas.microsoft.com/office/drawing/2014/main" id="{941211C1-D229-D428-09A5-FC7E9A895A08}"/>
              </a:ext>
            </a:extLst>
          </p:cNvPr>
          <p:cNvGrpSpPr/>
          <p:nvPr/>
        </p:nvGrpSpPr>
        <p:grpSpPr>
          <a:xfrm>
            <a:off x="7260827" y="4847066"/>
            <a:ext cx="2221291" cy="515229"/>
            <a:chOff x="8752988" y="4935388"/>
            <a:chExt cx="2221291" cy="515229"/>
          </a:xfrm>
        </p:grpSpPr>
        <p:sp>
          <p:nvSpPr>
            <p:cNvPr id="26" name="ZoneTexte 25">
              <a:extLst>
                <a:ext uri="{FF2B5EF4-FFF2-40B4-BE49-F238E27FC236}">
                  <a16:creationId xmlns:a16="http://schemas.microsoft.com/office/drawing/2014/main" id="{7AED378C-B581-7B68-EF88-02A9CD924CC0}"/>
                </a:ext>
              </a:extLst>
            </p:cNvPr>
            <p:cNvSpPr txBox="1"/>
            <p:nvPr/>
          </p:nvSpPr>
          <p:spPr>
            <a:xfrm>
              <a:off x="9296400" y="5011449"/>
              <a:ext cx="1677879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b="1" dirty="0">
                  <a:solidFill>
                    <a:srgbClr val="D80518"/>
                  </a:solidFill>
                </a:rPr>
                <a:t>Tri</a:t>
              </a:r>
              <a:r>
                <a:rPr lang="fr-FR" dirty="0">
                  <a:solidFill>
                    <a:srgbClr val="D80518"/>
                  </a:solidFill>
                </a:rPr>
                <a:t> des </a:t>
              </a:r>
              <a:r>
                <a:rPr lang="fr-FR" b="1" dirty="0">
                  <a:solidFill>
                    <a:srgbClr val="D80518"/>
                  </a:solidFill>
                </a:rPr>
                <a:t>déchets</a:t>
              </a:r>
            </a:p>
          </p:txBody>
        </p:sp>
        <p:pic>
          <p:nvPicPr>
            <p:cNvPr id="28" name="Image 27">
              <a:extLst>
                <a:ext uri="{FF2B5EF4-FFF2-40B4-BE49-F238E27FC236}">
                  <a16:creationId xmlns:a16="http://schemas.microsoft.com/office/drawing/2014/main" id="{8AD26CDD-56A3-6D9D-C16F-0098D25FB109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8752988" y="4935388"/>
              <a:ext cx="515229" cy="515229"/>
            </a:xfrm>
            <a:prstGeom prst="rect">
              <a:avLst/>
            </a:prstGeom>
          </p:spPr>
        </p:pic>
      </p:grpSp>
      <p:grpSp>
        <p:nvGrpSpPr>
          <p:cNvPr id="36" name="Groupe 35">
            <a:extLst>
              <a:ext uri="{FF2B5EF4-FFF2-40B4-BE49-F238E27FC236}">
                <a16:creationId xmlns:a16="http://schemas.microsoft.com/office/drawing/2014/main" id="{3DFCA89E-FDC5-609C-194A-B4AE822ECF3B}"/>
              </a:ext>
            </a:extLst>
          </p:cNvPr>
          <p:cNvGrpSpPr/>
          <p:nvPr/>
        </p:nvGrpSpPr>
        <p:grpSpPr>
          <a:xfrm>
            <a:off x="7831890" y="3032760"/>
            <a:ext cx="2445197" cy="520916"/>
            <a:chOff x="8966009" y="4226996"/>
            <a:chExt cx="2445197" cy="520916"/>
          </a:xfrm>
        </p:grpSpPr>
        <p:sp>
          <p:nvSpPr>
            <p:cNvPr id="23" name="ZoneTexte 22">
              <a:extLst>
                <a:ext uri="{FF2B5EF4-FFF2-40B4-BE49-F238E27FC236}">
                  <a16:creationId xmlns:a16="http://schemas.microsoft.com/office/drawing/2014/main" id="{C69500AB-5518-605E-0380-E42EAD50D707}"/>
                </a:ext>
              </a:extLst>
            </p:cNvPr>
            <p:cNvSpPr txBox="1"/>
            <p:nvPr/>
          </p:nvSpPr>
          <p:spPr>
            <a:xfrm>
              <a:off x="8966009" y="4302788"/>
              <a:ext cx="201523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>
                  <a:solidFill>
                    <a:srgbClr val="D80518"/>
                  </a:solidFill>
                </a:rPr>
                <a:t>Inscription en ligne</a:t>
              </a:r>
            </a:p>
          </p:txBody>
        </p:sp>
        <p:pic>
          <p:nvPicPr>
            <p:cNvPr id="29" name="Image 28" descr="Une image contenant Graphique, Police, graphisme, logo&#10;&#10;Description générée automatiquement">
              <a:extLst>
                <a:ext uri="{FF2B5EF4-FFF2-40B4-BE49-F238E27FC236}">
                  <a16:creationId xmlns:a16="http://schemas.microsoft.com/office/drawing/2014/main" id="{DB6AB2C1-99E8-5F47-7E55-E28E2DDB581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" t="-1" r="75656" b="7595"/>
            <a:stretch/>
          </p:blipFill>
          <p:spPr>
            <a:xfrm>
              <a:off x="10859911" y="4226996"/>
              <a:ext cx="551295" cy="520916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</p:spPr>
        </p:pic>
      </p:grpSp>
      <p:grpSp>
        <p:nvGrpSpPr>
          <p:cNvPr id="37" name="Groupe 36">
            <a:extLst>
              <a:ext uri="{FF2B5EF4-FFF2-40B4-BE49-F238E27FC236}">
                <a16:creationId xmlns:a16="http://schemas.microsoft.com/office/drawing/2014/main" id="{58358D40-B6E5-0799-A8AB-61FC6EF73170}"/>
              </a:ext>
            </a:extLst>
          </p:cNvPr>
          <p:cNvGrpSpPr/>
          <p:nvPr/>
        </p:nvGrpSpPr>
        <p:grpSpPr>
          <a:xfrm>
            <a:off x="7649132" y="4193639"/>
            <a:ext cx="2950245" cy="598845"/>
            <a:chOff x="8534094" y="4879089"/>
            <a:chExt cx="2950245" cy="598845"/>
          </a:xfrm>
        </p:grpSpPr>
        <p:sp>
          <p:nvSpPr>
            <p:cNvPr id="24" name="ZoneTexte 23">
              <a:extLst>
                <a:ext uri="{FF2B5EF4-FFF2-40B4-BE49-F238E27FC236}">
                  <a16:creationId xmlns:a16="http://schemas.microsoft.com/office/drawing/2014/main" id="{75E4F349-1554-D08F-6DFA-0078C78059C3}"/>
                </a:ext>
              </a:extLst>
            </p:cNvPr>
            <p:cNvSpPr txBox="1"/>
            <p:nvPr/>
          </p:nvSpPr>
          <p:spPr>
            <a:xfrm>
              <a:off x="8534094" y="4993845"/>
              <a:ext cx="1885631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dirty="0">
                  <a:solidFill>
                    <a:srgbClr val="D80518"/>
                  </a:solidFill>
                </a:rPr>
                <a:t>Vente de </a:t>
              </a:r>
              <a:r>
                <a:rPr lang="fr-FR" b="1" dirty="0">
                  <a:solidFill>
                    <a:srgbClr val="D80518"/>
                  </a:solidFill>
                </a:rPr>
                <a:t>Crêpes </a:t>
              </a:r>
              <a:r>
                <a:rPr lang="fr-FR" dirty="0">
                  <a:solidFill>
                    <a:srgbClr val="D80518"/>
                  </a:solidFill>
                </a:rPr>
                <a:t>?</a:t>
              </a:r>
            </a:p>
          </p:txBody>
        </p:sp>
        <p:pic>
          <p:nvPicPr>
            <p:cNvPr id="30" name="Image 29">
              <a:extLst>
                <a:ext uri="{FF2B5EF4-FFF2-40B4-BE49-F238E27FC236}">
                  <a16:creationId xmlns:a16="http://schemas.microsoft.com/office/drawing/2014/main" id="{319957C4-A68A-4490-9950-3F6157F66C25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10419725" y="4879089"/>
              <a:ext cx="1064614" cy="598845"/>
            </a:xfrm>
            <a:prstGeom prst="rect">
              <a:avLst/>
            </a:prstGeom>
            <a:ln>
              <a:noFill/>
            </a:ln>
            <a:effectLst>
              <a:outerShdw blurRad="190500" algn="tl" rotWithShape="0">
                <a:srgbClr val="000000">
                  <a:alpha val="70000"/>
                </a:srgbClr>
              </a:outerShdw>
            </a:effectLst>
          </p:spPr>
        </p:pic>
      </p:grpSp>
      <p:pic>
        <p:nvPicPr>
          <p:cNvPr id="12" name="Image 11">
            <a:extLst>
              <a:ext uri="{FF2B5EF4-FFF2-40B4-BE49-F238E27FC236}">
                <a16:creationId xmlns:a16="http://schemas.microsoft.com/office/drawing/2014/main" id="{BFCC02DD-15EF-05F4-AC1F-74ADD64C61EB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l="82836" t="76720" r="4661" b="4550"/>
          <a:stretch/>
        </p:blipFill>
        <p:spPr>
          <a:xfrm>
            <a:off x="5776048" y="2859773"/>
            <a:ext cx="931333" cy="1045634"/>
          </a:xfrm>
          <a:prstGeom prst="rect">
            <a:avLst/>
          </a:prstGeom>
        </p:spPr>
      </p:pic>
      <p:sp>
        <p:nvSpPr>
          <p:cNvPr id="40" name="ZoneTexte 39">
            <a:extLst>
              <a:ext uri="{FF2B5EF4-FFF2-40B4-BE49-F238E27FC236}">
                <a16:creationId xmlns:a16="http://schemas.microsoft.com/office/drawing/2014/main" id="{48A15D73-28FF-1125-7553-461E6E0603C3}"/>
              </a:ext>
            </a:extLst>
          </p:cNvPr>
          <p:cNvSpPr txBox="1"/>
          <p:nvPr/>
        </p:nvSpPr>
        <p:spPr>
          <a:xfrm>
            <a:off x="4288944" y="452876"/>
            <a:ext cx="143162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400" b="1" dirty="0">
                <a:solidFill>
                  <a:srgbClr val="057DAC"/>
                </a:solidFill>
              </a:rPr>
              <a:t>2023</a:t>
            </a:r>
            <a:endParaRPr lang="fr-FR" sz="4400" b="1" dirty="0">
              <a:solidFill>
                <a:srgbClr val="D80518"/>
              </a:solidFill>
            </a:endParaRPr>
          </a:p>
        </p:txBody>
      </p:sp>
      <p:sp>
        <p:nvSpPr>
          <p:cNvPr id="41" name="ZoneTexte 40">
            <a:extLst>
              <a:ext uri="{FF2B5EF4-FFF2-40B4-BE49-F238E27FC236}">
                <a16:creationId xmlns:a16="http://schemas.microsoft.com/office/drawing/2014/main" id="{472653AE-6A18-32D3-3078-771D89C59667}"/>
              </a:ext>
            </a:extLst>
          </p:cNvPr>
          <p:cNvSpPr txBox="1"/>
          <p:nvPr/>
        </p:nvSpPr>
        <p:spPr>
          <a:xfrm>
            <a:off x="5890390" y="386728"/>
            <a:ext cx="243423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800" b="1" dirty="0"/>
              <a:t>➡</a:t>
            </a:r>
            <a:r>
              <a:rPr lang="fr-FR" sz="4400" b="1" dirty="0"/>
              <a:t>   </a:t>
            </a:r>
            <a:r>
              <a:rPr lang="fr-FR" sz="4400" b="1" dirty="0">
                <a:solidFill>
                  <a:srgbClr val="D80518"/>
                </a:solidFill>
              </a:rPr>
              <a:t>202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3358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0AECFF6A-FA8B-6512-B09A-5FE5B4D6DED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80546" y="2871709"/>
            <a:ext cx="8830907" cy="11145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5446829"/>
      </p:ext>
    </p:extLst>
  </p:cSld>
  <p:clrMapOvr>
    <a:masterClrMapping/>
  </p:clrMapOvr>
  <p:transition spd="slow"/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1A59038A-CA7D-4965-F6CF-B14E5BC6007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9855" y="1420859"/>
            <a:ext cx="3395689" cy="4486275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EDFCADC-64D3-FFB0-7E3C-0A7DE5C6183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886998" y="2128958"/>
            <a:ext cx="5631245" cy="4162425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CC3277A7-8FA2-7ACF-34AD-DC69480741E3}"/>
              </a:ext>
            </a:extLst>
          </p:cNvPr>
          <p:cNvSpPr txBox="1"/>
          <p:nvPr/>
        </p:nvSpPr>
        <p:spPr>
          <a:xfrm>
            <a:off x="5049078" y="566617"/>
            <a:ext cx="22820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/>
              <a:t>SOIREE CLUB</a:t>
            </a:r>
            <a:endParaRPr lang="en-US" sz="2400" b="1" dirty="0"/>
          </a:p>
        </p:txBody>
      </p:sp>
    </p:spTree>
    <p:extLst>
      <p:ext uri="{BB962C8B-B14F-4D97-AF65-F5344CB8AC3E}">
        <p14:creationId xmlns:p14="http://schemas.microsoft.com/office/powerpoint/2010/main" val="3808510675"/>
      </p:ext>
    </p:extLst>
  </p:cSld>
  <p:clrMapOvr>
    <a:masterClrMapping/>
  </p:clrMapOvr>
  <p:transition spd="slow"/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B418CD0E-3CBF-59ED-1150-17B1EB8D220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65022" y="2035533"/>
            <a:ext cx="5264137" cy="4333461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F3A44F30-7946-4B7A-F7FF-9F5895C936D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2193" y="3411928"/>
            <a:ext cx="4868564" cy="337743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60FDAEFE-C0F6-A24E-82A0-9110F7497F5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25970" y="68633"/>
            <a:ext cx="5301010" cy="3228236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0D6FE94-41C8-0305-7A91-D5198CAD29F8}"/>
              </a:ext>
            </a:extLst>
          </p:cNvPr>
          <p:cNvSpPr txBox="1"/>
          <p:nvPr/>
        </p:nvSpPr>
        <p:spPr>
          <a:xfrm>
            <a:off x="5979381" y="362831"/>
            <a:ext cx="3317019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/>
              <a:t>DECO HALLOWEEN</a:t>
            </a:r>
          </a:p>
          <a:p>
            <a:r>
              <a:rPr lang="fr-FR" b="1" dirty="0"/>
              <a:t>( plateau </a:t>
            </a:r>
            <a:r>
              <a:rPr lang="fr-FR" b="1" dirty="0" err="1"/>
              <a:t>minibasket</a:t>
            </a:r>
            <a:r>
              <a:rPr lang="fr-FR" b="1" dirty="0"/>
              <a:t> et obtention du Label </a:t>
            </a:r>
            <a:r>
              <a:rPr lang="fr-FR" b="1" dirty="0" err="1"/>
              <a:t>minibasket</a:t>
            </a:r>
            <a:r>
              <a:rPr lang="fr-FR" b="1" dirty="0"/>
              <a:t> ) 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745102794"/>
      </p:ext>
    </p:extLst>
  </p:cSld>
  <p:clrMapOvr>
    <a:masterClrMapping/>
  </p:clrMapOvr>
  <p:transition spd="slow"/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55378B5-F4A5-9F58-D25C-C504955B4E6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18143" y="1952775"/>
            <a:ext cx="3504229" cy="3614847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E5F1A8B5-DA27-0857-E385-9AA5AFD97CD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9628" y="866691"/>
            <a:ext cx="3828532" cy="541513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1673CE5-A11F-2104-40D2-7092765D62B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99113" y="2164756"/>
            <a:ext cx="4319030" cy="3190884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36CF76B-33CB-1435-FF5B-751B38080F89}"/>
              </a:ext>
            </a:extLst>
          </p:cNvPr>
          <p:cNvSpPr txBox="1"/>
          <p:nvPr/>
        </p:nvSpPr>
        <p:spPr>
          <a:xfrm>
            <a:off x="5639238" y="605081"/>
            <a:ext cx="194717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/>
              <a:t>TELETHON</a:t>
            </a:r>
            <a:r>
              <a:rPr lang="fr-FR" b="1" dirty="0"/>
              <a:t> 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2230475499"/>
      </p:ext>
    </p:extLst>
  </p:cSld>
  <p:clrMapOvr>
    <a:masterClrMapping/>
  </p:clrMapOvr>
  <p:transition spd="slow"/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7EAC7C6D-02DA-51CD-09C4-2174BE178FB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82956" y="740357"/>
            <a:ext cx="5578090" cy="56088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87134337"/>
      </p:ext>
    </p:extLst>
  </p:cSld>
  <p:clrMapOvr>
    <a:masterClrMapping/>
  </p:clrMapOvr>
  <p:transition spd="slow"/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74D028AB-BC2E-979F-B1AF-4BBBEC780C1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51199" y="2518395"/>
            <a:ext cx="3628409" cy="3604538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7CC8A67-5984-5796-1801-0482631806F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9913" y="550015"/>
            <a:ext cx="3877216" cy="429637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9ADE0DD-EDA5-0383-6BAF-3BBA2655019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573678" y="1786366"/>
            <a:ext cx="3522401" cy="3518452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DC633DD7-07DD-DCDD-571B-9012DF92062F}"/>
              </a:ext>
            </a:extLst>
          </p:cNvPr>
          <p:cNvSpPr txBox="1"/>
          <p:nvPr/>
        </p:nvSpPr>
        <p:spPr>
          <a:xfrm>
            <a:off x="5004262" y="894952"/>
            <a:ext cx="387721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/>
              <a:t>SOIREE PARTENAIRES</a:t>
            </a:r>
            <a:endParaRPr lang="en-US" sz="2800" b="1" dirty="0"/>
          </a:p>
        </p:txBody>
      </p:sp>
    </p:spTree>
    <p:extLst>
      <p:ext uri="{BB962C8B-B14F-4D97-AF65-F5344CB8AC3E}">
        <p14:creationId xmlns:p14="http://schemas.microsoft.com/office/powerpoint/2010/main" val="236606482"/>
      </p:ext>
    </p:extLst>
  </p:cSld>
  <p:clrMapOvr>
    <a:masterClrMapping/>
  </p:clrMapOvr>
  <p:transition spd="slow"/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A23C8A2-A3C1-169E-633B-4F0D3D19F35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4498" y="1672918"/>
            <a:ext cx="9499602" cy="4864748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FD90581-0114-7EB8-39D3-4DEF3351C19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4498" y="240745"/>
            <a:ext cx="9094917" cy="116221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82756C2-DBF3-7DF6-F923-3EB9FCE5EC3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1203" y="1573198"/>
            <a:ext cx="10247579" cy="965369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C35FD349-C1B2-E9DE-4B27-6BD828B8ECA2}"/>
              </a:ext>
            </a:extLst>
          </p:cNvPr>
          <p:cNvSpPr txBox="1"/>
          <p:nvPr/>
        </p:nvSpPr>
        <p:spPr>
          <a:xfrm>
            <a:off x="6702949" y="1743439"/>
            <a:ext cx="27352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FF0000"/>
                </a:solidFill>
              </a:rPr>
              <a:t>BESOIN DE BENEVOLES </a:t>
            </a:r>
            <a:r>
              <a:rPr lang="fr-FR" b="1" dirty="0">
                <a:solidFill>
                  <a:srgbClr val="FF0000"/>
                </a:solidFill>
                <a:sym typeface="Wingdings" panose="05000000000000000000" pitchFamily="2" charset="2"/>
              </a:rPr>
              <a:t></a:t>
            </a:r>
            <a:endParaRPr lang="en-US" b="1" dirty="0">
              <a:solidFill>
                <a:srgbClr val="FF0000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F397A5A-118E-83FB-02F5-CF91F1ED5CAF}"/>
              </a:ext>
            </a:extLst>
          </p:cNvPr>
          <p:cNvSpPr txBox="1"/>
          <p:nvPr/>
        </p:nvSpPr>
        <p:spPr>
          <a:xfrm>
            <a:off x="7533533" y="4915470"/>
            <a:ext cx="42821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0070C0"/>
                </a:solidFill>
                <a:highlight>
                  <a:srgbClr val="FF0000"/>
                </a:highlight>
                <a:sym typeface="Wingdings" panose="05000000000000000000" pitchFamily="2" charset="2"/>
              </a:rPr>
              <a:t>CREATION D’UN KOP DE SUPPORTERS </a:t>
            </a:r>
            <a:endParaRPr lang="en-US" b="1" dirty="0">
              <a:solidFill>
                <a:srgbClr val="0070C0"/>
              </a:solidFill>
              <a:highlight>
                <a:srgbClr val="FF0000"/>
              </a:highlight>
            </a:endParaRPr>
          </a:p>
        </p:txBody>
      </p:sp>
    </p:spTree>
    <p:extLst>
      <p:ext uri="{BB962C8B-B14F-4D97-AF65-F5344CB8AC3E}">
        <p14:creationId xmlns:p14="http://schemas.microsoft.com/office/powerpoint/2010/main" val="2394767355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3" grpId="0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ZoneTexte 4">
            <a:extLst>
              <a:ext uri="{FF2B5EF4-FFF2-40B4-BE49-F238E27FC236}">
                <a16:creationId xmlns:a16="http://schemas.microsoft.com/office/drawing/2014/main" id="{9254C688-FB5D-441B-8E7E-34643960819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6819" y="150646"/>
            <a:ext cx="9325356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4800" b="1" dirty="0">
                <a:solidFill>
                  <a:srgbClr val="FF0000"/>
                </a:solidFill>
              </a:rPr>
              <a:t>C – CREATION DE L’</a:t>
            </a:r>
            <a:r>
              <a:rPr lang="fr-FR" altLang="en-US" sz="4800" b="1" dirty="0"/>
              <a:t>E</a:t>
            </a:r>
            <a:r>
              <a:rPr lang="fr-FR" altLang="en-US" sz="4800" b="1" dirty="0">
                <a:solidFill>
                  <a:srgbClr val="FF0000"/>
                </a:solidFill>
              </a:rPr>
              <a:t>SPACE D’</a:t>
            </a:r>
            <a:r>
              <a:rPr lang="fr-FR" altLang="en-US" sz="4800" b="1" dirty="0"/>
              <a:t>A</a:t>
            </a:r>
            <a:r>
              <a:rPr lang="fr-FR" altLang="en-US" sz="4800" b="1" dirty="0">
                <a:solidFill>
                  <a:srgbClr val="FF0000"/>
                </a:solidFill>
              </a:rPr>
              <a:t>CCUEIL ET DE </a:t>
            </a:r>
            <a:r>
              <a:rPr lang="fr-FR" altLang="en-US" sz="4800" b="1" dirty="0"/>
              <a:t>T</a:t>
            </a:r>
            <a:r>
              <a:rPr lang="fr-FR" altLang="en-US" sz="4800" b="1" dirty="0">
                <a:solidFill>
                  <a:srgbClr val="FF0000"/>
                </a:solidFill>
              </a:rPr>
              <a:t>RAVAIL ( </a:t>
            </a:r>
            <a:r>
              <a:rPr lang="fr-FR" altLang="en-US" sz="4800" b="1" dirty="0"/>
              <a:t>EAT</a:t>
            </a:r>
            <a:r>
              <a:rPr lang="fr-FR" altLang="en-US" sz="4800" b="1" dirty="0">
                <a:solidFill>
                  <a:srgbClr val="FF0000"/>
                </a:solidFill>
              </a:rPr>
              <a:t> ) </a:t>
            </a:r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417825A-DEA8-4315-9DBF-A3AE61272E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883987"/>
            <a:ext cx="12192000" cy="43781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86482705"/>
      </p:ext>
    </p:extLst>
  </p:cSld>
  <p:clrMapOvr>
    <a:masterClrMapping/>
  </p:clrMapOvr>
  <p:transition>
    <p:fade/>
  </p:transition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EE5E4593-4918-483A-B341-A4FD560EA65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01016B7-1AA4-4479-AEAE-CCA8F4FBBE02}"/>
              </a:ext>
            </a:extLst>
          </p:cNvPr>
          <p:cNvSpPr txBox="1"/>
          <p:nvPr/>
        </p:nvSpPr>
        <p:spPr>
          <a:xfrm>
            <a:off x="457199" y="1687711"/>
            <a:ext cx="105251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571500" indent="-571500">
              <a:buFont typeface="Wingdings" panose="05000000000000000000" pitchFamily="2" charset="2"/>
              <a:buChar char="ü"/>
            </a:pPr>
            <a:r>
              <a:rPr lang="fr-FR" sz="3600" b="1" dirty="0">
                <a:solidFill>
                  <a:srgbClr val="FF0000"/>
                </a:solidFill>
              </a:rPr>
              <a:t>VISUELS NON CONFORMES ET PROJET A L’ETUDE </a:t>
            </a:r>
            <a:endParaRPr lang="en-US" sz="3600" b="1" dirty="0">
              <a:solidFill>
                <a:srgbClr val="FF000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D04B059-6A0A-49E8-9E6B-DB414ACF20A9}"/>
              </a:ext>
            </a:extLst>
          </p:cNvPr>
          <p:cNvSpPr txBox="1"/>
          <p:nvPr/>
        </p:nvSpPr>
        <p:spPr>
          <a:xfrm>
            <a:off x="457199" y="2848866"/>
            <a:ext cx="1161573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571500" indent="-571500">
              <a:buFont typeface="Wingdings" panose="05000000000000000000" pitchFamily="2" charset="2"/>
              <a:buChar char="ü"/>
            </a:pPr>
            <a:r>
              <a:rPr lang="fr-FR" sz="3600" b="1" dirty="0">
                <a:solidFill>
                  <a:srgbClr val="FF0000"/>
                </a:solidFill>
              </a:rPr>
              <a:t>REUNION PREPARATOIRE COMEC +  ARTISANS + MAIRIE   </a:t>
            </a:r>
            <a:endParaRPr lang="en-US" sz="3600" b="1" dirty="0">
              <a:solidFill>
                <a:srgbClr val="FF0000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3862E14-585D-45C9-9ACD-FB67528D28AE}"/>
              </a:ext>
            </a:extLst>
          </p:cNvPr>
          <p:cNvSpPr txBox="1"/>
          <p:nvPr/>
        </p:nvSpPr>
        <p:spPr>
          <a:xfrm>
            <a:off x="457199" y="4010021"/>
            <a:ext cx="43052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571500" indent="-571500">
              <a:buFont typeface="Wingdings" panose="05000000000000000000" pitchFamily="2" charset="2"/>
              <a:buChar char="ü"/>
            </a:pPr>
            <a:r>
              <a:rPr lang="fr-FR" sz="3600" b="1" dirty="0">
                <a:solidFill>
                  <a:srgbClr val="FF0000"/>
                </a:solidFill>
              </a:rPr>
              <a:t>PHOTOS 3D   </a:t>
            </a:r>
            <a:endParaRPr lang="en-US" sz="3600" b="1" dirty="0">
              <a:solidFill>
                <a:srgbClr val="FF0000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5B11530-AD7E-42D5-97A3-0B32CC713F59}"/>
              </a:ext>
            </a:extLst>
          </p:cNvPr>
          <p:cNvSpPr txBox="1"/>
          <p:nvPr/>
        </p:nvSpPr>
        <p:spPr>
          <a:xfrm>
            <a:off x="4524376" y="526556"/>
            <a:ext cx="1571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600" b="1" dirty="0"/>
              <a:t>E.A.T </a:t>
            </a:r>
            <a:endParaRPr lang="en-US" sz="3600" b="1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3A4CEC4-4241-465E-94AD-9BD6D4B78B84}"/>
              </a:ext>
            </a:extLst>
          </p:cNvPr>
          <p:cNvSpPr txBox="1"/>
          <p:nvPr/>
        </p:nvSpPr>
        <p:spPr>
          <a:xfrm>
            <a:off x="457199" y="4859066"/>
            <a:ext cx="11615739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600" b="1" dirty="0"/>
              <a:t> </a:t>
            </a:r>
          </a:p>
          <a:p>
            <a:pPr marL="571500" indent="-571500">
              <a:buFont typeface="Symbol" panose="05050102010706020507" pitchFamily="18" charset="2"/>
              <a:buChar char="Þ"/>
            </a:pPr>
            <a:r>
              <a:rPr lang="fr-FR" sz="3600" b="1" dirty="0"/>
              <a:t>Me Ingrid Ferchaud ( 1</a:t>
            </a:r>
            <a:r>
              <a:rPr lang="fr-FR" sz="3600" b="1" baseline="30000" dirty="0"/>
              <a:t>ère</a:t>
            </a:r>
            <a:r>
              <a:rPr lang="fr-FR" sz="3600" b="1" dirty="0"/>
              <a:t> Adjointe )</a:t>
            </a:r>
          </a:p>
          <a:p>
            <a:pPr marL="571500" indent="-571500">
              <a:buFont typeface="Symbol" panose="05050102010706020507" pitchFamily="18" charset="2"/>
              <a:buChar char="Þ"/>
            </a:pPr>
            <a:r>
              <a:rPr lang="fr-FR" sz="3600" b="1" dirty="0"/>
              <a:t>Mr Alban Baudin ( 5</a:t>
            </a:r>
            <a:r>
              <a:rPr lang="fr-FR" sz="3600" b="1" baseline="30000" dirty="0"/>
              <a:t>ème</a:t>
            </a:r>
            <a:r>
              <a:rPr lang="fr-FR" sz="3600" b="1" dirty="0"/>
              <a:t> Adjoint )</a:t>
            </a:r>
            <a:endParaRPr lang="en-US" sz="3600" b="1" dirty="0"/>
          </a:p>
        </p:txBody>
      </p:sp>
    </p:spTree>
    <p:extLst>
      <p:ext uri="{BB962C8B-B14F-4D97-AF65-F5344CB8AC3E}">
        <p14:creationId xmlns:p14="http://schemas.microsoft.com/office/powerpoint/2010/main" val="3541714625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5" grpId="0"/>
      <p:bldP spid="6" grpId="0"/>
      <p:bldP spid="11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570A3D31-7AD7-643F-C22F-8F4469BDAE23}"/>
              </a:ext>
            </a:extLst>
          </p:cNvPr>
          <p:cNvSpPr txBox="1"/>
          <p:nvPr/>
        </p:nvSpPr>
        <p:spPr>
          <a:xfrm>
            <a:off x="9010650" y="5783223"/>
            <a:ext cx="318135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Hugo Morillon </a:t>
            </a:r>
          </a:p>
          <a:p>
            <a:r>
              <a:rPr lang="fr-FR" dirty="0"/>
              <a:t>=&gt; Responsable Boutique </a:t>
            </a:r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8AA75BD-3E0D-89C6-62B2-E58FA4B9BA49}"/>
              </a:ext>
            </a:extLst>
          </p:cNvPr>
          <p:cNvSpPr txBox="1"/>
          <p:nvPr/>
        </p:nvSpPr>
        <p:spPr>
          <a:xfrm>
            <a:off x="71562" y="5783223"/>
            <a:ext cx="250466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Fabrice Devaud </a:t>
            </a:r>
          </a:p>
          <a:p>
            <a:r>
              <a:rPr lang="fr-FR" dirty="0"/>
              <a:t>=&gt; Directeur du tournoi </a:t>
            </a:r>
            <a:endParaRPr lang="en-US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50210C4-0C39-9478-EDE0-50A4BB1FB4AD}"/>
              </a:ext>
            </a:extLst>
          </p:cNvPr>
          <p:cNvSpPr txBox="1"/>
          <p:nvPr/>
        </p:nvSpPr>
        <p:spPr>
          <a:xfrm>
            <a:off x="190119" y="123757"/>
            <a:ext cx="312458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FF0000"/>
                </a:solidFill>
              </a:rPr>
              <a:t>TROMBINOSCOPE 2023-2024</a:t>
            </a:r>
            <a:endParaRPr lang="en-US" b="1" dirty="0">
              <a:solidFill>
                <a:srgbClr val="FF0000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4BF4E58-AA62-8EE4-DFA9-CCD2C1F3D2E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64518" y="0"/>
            <a:ext cx="4812784" cy="6858000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B277DEB0-DE7D-9A6E-2373-9C672469B40D}"/>
              </a:ext>
            </a:extLst>
          </p:cNvPr>
          <p:cNvSpPr txBox="1"/>
          <p:nvPr/>
        </p:nvSpPr>
        <p:spPr>
          <a:xfrm>
            <a:off x="5550011" y="6488668"/>
            <a:ext cx="3975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*</a:t>
            </a:r>
            <a:endParaRPr lang="en-US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6C5EC7B3-01C3-7E3A-5099-306EF83DFE47}"/>
              </a:ext>
            </a:extLst>
          </p:cNvPr>
          <p:cNvSpPr txBox="1"/>
          <p:nvPr/>
        </p:nvSpPr>
        <p:spPr>
          <a:xfrm>
            <a:off x="1471693" y="5678961"/>
            <a:ext cx="3975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*</a:t>
            </a:r>
            <a:endParaRPr lang="en-US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3BFDED3-0343-C026-9A1A-83C7E1DE6102}"/>
              </a:ext>
            </a:extLst>
          </p:cNvPr>
          <p:cNvSpPr txBox="1"/>
          <p:nvPr/>
        </p:nvSpPr>
        <p:spPr>
          <a:xfrm>
            <a:off x="6661154" y="6488668"/>
            <a:ext cx="3975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*</a:t>
            </a:r>
            <a:endParaRPr lang="en-US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626BFBBE-2E33-3170-3459-B8D2D60DDF2E}"/>
              </a:ext>
            </a:extLst>
          </p:cNvPr>
          <p:cNvSpPr txBox="1"/>
          <p:nvPr/>
        </p:nvSpPr>
        <p:spPr>
          <a:xfrm>
            <a:off x="6792441" y="6488668"/>
            <a:ext cx="39756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*</a:t>
            </a:r>
            <a:endParaRPr lang="en-US" dirty="0"/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668608AB-5B37-F2C1-1093-403A9012987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405938" y="5762885"/>
            <a:ext cx="314369" cy="16194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26188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9" grpId="0"/>
    </p:bld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>
            <a:extLst>
              <a:ext uri="{FF2B5EF4-FFF2-40B4-BE49-F238E27FC236}">
                <a16:creationId xmlns:a16="http://schemas.microsoft.com/office/drawing/2014/main" id="{80E0575E-5089-9925-4CB4-F7E7C51B449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0810" y="790575"/>
            <a:ext cx="9810262" cy="5914209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521A388E-2345-A647-4D63-42287C0FBC49}"/>
              </a:ext>
            </a:extLst>
          </p:cNvPr>
          <p:cNvSpPr txBox="1"/>
          <p:nvPr/>
        </p:nvSpPr>
        <p:spPr>
          <a:xfrm>
            <a:off x="4382494" y="153216"/>
            <a:ext cx="185132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/>
              <a:t>L’EXISTANT</a:t>
            </a:r>
            <a:r>
              <a:rPr lang="fr-FR" sz="2800" dirty="0"/>
              <a:t> </a:t>
            </a:r>
            <a:endParaRPr lang="en-US" sz="2800" dirty="0"/>
          </a:p>
        </p:txBody>
      </p:sp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3095643"/>
      </p:ext>
    </p:extLst>
  </p:cSld>
  <p:clrMapOvr>
    <a:masterClrMapping/>
  </p:clrMapOvr>
  <p:transition spd="slow"/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1FC0A17-8474-FC83-C935-B5C1A207646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770" y="882596"/>
            <a:ext cx="12126460" cy="566422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D6AD485-EBAC-BE7B-B5F5-D55FB8E723B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201073">
            <a:off x="10172127" y="3204113"/>
            <a:ext cx="657550" cy="1021185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2D864BE-226A-797B-486C-A045AE43AB3D}"/>
              </a:ext>
            </a:extLst>
          </p:cNvPr>
          <p:cNvSpPr txBox="1"/>
          <p:nvPr/>
        </p:nvSpPr>
        <p:spPr>
          <a:xfrm>
            <a:off x="5217382" y="185021"/>
            <a:ext cx="150942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/>
              <a:t>PROJET 1 </a:t>
            </a:r>
            <a:endParaRPr lang="en-US" sz="2400" b="1" dirty="0"/>
          </a:p>
        </p:txBody>
      </p:sp>
    </p:spTree>
    <p:extLst>
      <p:ext uri="{BB962C8B-B14F-4D97-AF65-F5344CB8AC3E}">
        <p14:creationId xmlns:p14="http://schemas.microsoft.com/office/powerpoint/2010/main" val="2653733275"/>
      </p:ext>
    </p:extLst>
  </p:cSld>
  <p:clrMapOvr>
    <a:masterClrMapping/>
  </p:clrMapOvr>
  <p:transition spd="slow"/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1FC0A17-8474-FC83-C935-B5C1A207646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770" y="882596"/>
            <a:ext cx="12126460" cy="566422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DD6AD485-EBAC-BE7B-B5F5-D55FB8E723B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201073">
            <a:off x="10172127" y="3204113"/>
            <a:ext cx="657550" cy="1021185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22D864BE-226A-797B-486C-A045AE43AB3D}"/>
              </a:ext>
            </a:extLst>
          </p:cNvPr>
          <p:cNvSpPr txBox="1"/>
          <p:nvPr/>
        </p:nvSpPr>
        <p:spPr>
          <a:xfrm>
            <a:off x="5217382" y="185021"/>
            <a:ext cx="150942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/>
              <a:t>PROJET 1 </a:t>
            </a:r>
            <a:endParaRPr lang="en-US" sz="2400" b="1" dirty="0"/>
          </a:p>
        </p:txBody>
      </p:sp>
    </p:spTree>
    <p:extLst>
      <p:ext uri="{BB962C8B-B14F-4D97-AF65-F5344CB8AC3E}">
        <p14:creationId xmlns:p14="http://schemas.microsoft.com/office/powerpoint/2010/main" val="3769171270"/>
      </p:ext>
    </p:extLst>
  </p:cSld>
  <p:clrMapOvr>
    <a:masterClrMapping/>
  </p:clrMapOvr>
  <p:transition spd="slow"/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437E44CB-A0D6-17AF-E463-0C0459A02FC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685"/>
            <a:ext cx="12192000" cy="68593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5314435"/>
      </p:ext>
    </p:extLst>
  </p:cSld>
  <p:clrMapOvr>
    <a:masterClrMapping/>
  </p:clrMapOvr>
  <p:transition spd="slow"/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22D864BE-226A-797B-486C-A045AE43AB3D}"/>
              </a:ext>
            </a:extLst>
          </p:cNvPr>
          <p:cNvSpPr txBox="1"/>
          <p:nvPr/>
        </p:nvSpPr>
        <p:spPr>
          <a:xfrm>
            <a:off x="5217382" y="185021"/>
            <a:ext cx="150942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/>
              <a:t>PROJET 2 </a:t>
            </a:r>
            <a:endParaRPr lang="en-US" sz="2400" b="1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D3C5152-44A7-84DE-F78D-17884434EEF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5171" y="1165437"/>
            <a:ext cx="11722873" cy="50471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74748513"/>
      </p:ext>
    </p:extLst>
  </p:cSld>
  <p:clrMapOvr>
    <a:masterClrMapping/>
  </p:clrMapOvr>
  <p:transition spd="slow"/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22D864BE-226A-797B-486C-A045AE43AB3D}"/>
              </a:ext>
            </a:extLst>
          </p:cNvPr>
          <p:cNvSpPr txBox="1"/>
          <p:nvPr/>
        </p:nvSpPr>
        <p:spPr>
          <a:xfrm>
            <a:off x="5341289" y="57800"/>
            <a:ext cx="150942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/>
              <a:t>PROJET 2 </a:t>
            </a:r>
            <a:endParaRPr lang="en-US" sz="2400" b="1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77310F9-EB33-7B5B-C707-3FC9020F81E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3954" y="614824"/>
            <a:ext cx="11054249" cy="62431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9536807"/>
      </p:ext>
    </p:extLst>
  </p:cSld>
  <p:clrMapOvr>
    <a:masterClrMapping/>
  </p:clrMapOvr>
  <p:transition spd="slow"/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22D864BE-226A-797B-486C-A045AE43AB3D}"/>
              </a:ext>
            </a:extLst>
          </p:cNvPr>
          <p:cNvSpPr txBox="1"/>
          <p:nvPr/>
        </p:nvSpPr>
        <p:spPr>
          <a:xfrm>
            <a:off x="5217382" y="185021"/>
            <a:ext cx="150942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/>
              <a:t>PROJET 2 </a:t>
            </a:r>
            <a:endParaRPr lang="en-US" sz="2400" b="1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5AFD1AE-7B91-7DF7-F829-8EAC23F682B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9498" y="1399430"/>
            <a:ext cx="11753886" cy="42162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812589"/>
      </p:ext>
    </p:extLst>
  </p:cSld>
  <p:clrMapOvr>
    <a:masterClrMapping/>
  </p:clrMapOvr>
  <p:transition spd="slow"/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22D864BE-226A-797B-486C-A045AE43AB3D}"/>
              </a:ext>
            </a:extLst>
          </p:cNvPr>
          <p:cNvSpPr txBox="1"/>
          <p:nvPr/>
        </p:nvSpPr>
        <p:spPr>
          <a:xfrm>
            <a:off x="5217382" y="185021"/>
            <a:ext cx="150942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/>
              <a:t>PROJET 2 </a:t>
            </a:r>
            <a:endParaRPr lang="en-US" sz="2400" b="1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1629BAC-63F0-54BB-A155-704BB66013B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8538" y="1121134"/>
            <a:ext cx="11726515" cy="48065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1838105"/>
      </p:ext>
    </p:extLst>
  </p:cSld>
  <p:clrMapOvr>
    <a:masterClrMapping/>
  </p:clrMapOvr>
  <p:transition spd="slow"/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22D864BE-226A-797B-486C-A045AE43AB3D}"/>
              </a:ext>
            </a:extLst>
          </p:cNvPr>
          <p:cNvSpPr txBox="1"/>
          <p:nvPr/>
        </p:nvSpPr>
        <p:spPr>
          <a:xfrm>
            <a:off x="5217382" y="185021"/>
            <a:ext cx="150942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/>
              <a:t>PROJET 2 </a:t>
            </a:r>
            <a:endParaRPr lang="en-US" sz="2400" b="1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D3C5152-44A7-84DE-F78D-17884434EEF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5171" y="1181340"/>
            <a:ext cx="11722873" cy="5047154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252E45F6-FB3E-2127-26D9-A712A82DE8B7}"/>
              </a:ext>
            </a:extLst>
          </p:cNvPr>
          <p:cNvSpPr txBox="1"/>
          <p:nvPr/>
        </p:nvSpPr>
        <p:spPr>
          <a:xfrm>
            <a:off x="8134184" y="270344"/>
            <a:ext cx="354628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u="sng" dirty="0"/>
              <a:t>OBJECTIF</a:t>
            </a:r>
            <a:r>
              <a:rPr lang="fr-FR" b="1" dirty="0"/>
              <a:t> : </a:t>
            </a:r>
          </a:p>
          <a:p>
            <a:r>
              <a:rPr lang="fr-FR" b="1" dirty="0"/>
              <a:t> INAUGURATION AG 2023-2024 </a:t>
            </a:r>
          </a:p>
          <a:p>
            <a:r>
              <a:rPr lang="fr-FR" b="1" dirty="0"/>
              <a:t> 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2937542654"/>
      </p:ext>
    </p:extLst>
  </p:cSld>
  <p:clrMapOvr>
    <a:masterClrMapping/>
  </p:clrMapOvr>
  <p:transition spd="slow"/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ZoneTexte 4">
            <a:extLst>
              <a:ext uri="{FF2B5EF4-FFF2-40B4-BE49-F238E27FC236}">
                <a16:creationId xmlns:a16="http://schemas.microsoft.com/office/drawing/2014/main" id="{9254C688-FB5D-441B-8E7E-34643960819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6819" y="150646"/>
            <a:ext cx="8553831" cy="15696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4800" b="1" dirty="0">
                <a:solidFill>
                  <a:srgbClr val="FF0000"/>
                </a:solidFill>
              </a:rPr>
              <a:t>D – LE DEVELOPPEMENT DE NOS </a:t>
            </a:r>
          </a:p>
          <a:p>
            <a:pPr eaLnBrk="1" hangingPunct="1"/>
            <a:r>
              <a:rPr lang="fr-FR" altLang="en-US" sz="4800" b="1" dirty="0">
                <a:solidFill>
                  <a:srgbClr val="FF0000"/>
                </a:solidFill>
              </a:rPr>
              <a:t>      OUTILS DIGITAUX </a:t>
            </a:r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417825A-DEA8-4315-9DBF-A3AE61272E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883987"/>
            <a:ext cx="12192000" cy="43781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7059456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9" name="ZoneTexte 4">
            <a:extLst>
              <a:ext uri="{FF2B5EF4-FFF2-40B4-BE49-F238E27FC236}">
                <a16:creationId xmlns:a16="http://schemas.microsoft.com/office/drawing/2014/main" id="{A7A1F31D-E6E9-4142-9975-E72DDFAE733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62050" y="1702153"/>
            <a:ext cx="9582150" cy="5232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2800" b="1" dirty="0">
                <a:solidFill>
                  <a:srgbClr val="000000"/>
                </a:solidFill>
              </a:rPr>
              <a:t>A – LA FORMATION </a:t>
            </a:r>
            <a:r>
              <a:rPr lang="fr-FR" altLang="en-US" b="1" dirty="0">
                <a:solidFill>
                  <a:srgbClr val="000000"/>
                </a:solidFill>
              </a:rPr>
              <a:t>( Pôle Sportif =&gt; joueurs / arbitres / encadrement ) </a:t>
            </a:r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sp>
        <p:nvSpPr>
          <p:cNvPr id="4100" name="ZoneTexte 5">
            <a:extLst>
              <a:ext uri="{FF2B5EF4-FFF2-40B4-BE49-F238E27FC236}">
                <a16:creationId xmlns:a16="http://schemas.microsoft.com/office/drawing/2014/main" id="{952EF886-43CC-47F2-B278-1911E82BEAE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62049" y="2340848"/>
            <a:ext cx="11029951" cy="5232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2800" b="1" dirty="0">
                <a:solidFill>
                  <a:srgbClr val="000000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B – LE « VIVRE ENSEMBLE » </a:t>
            </a:r>
            <a:r>
              <a:rPr lang="fr-FR" altLang="en-US" b="1" dirty="0">
                <a:solidFill>
                  <a:srgbClr val="000000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( Label </a:t>
            </a:r>
            <a:r>
              <a:rPr lang="fr-FR" altLang="en-US" b="1" dirty="0" err="1">
                <a:solidFill>
                  <a:srgbClr val="000000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Minibasket</a:t>
            </a:r>
            <a:r>
              <a:rPr lang="fr-FR" altLang="en-US" b="1" dirty="0">
                <a:solidFill>
                  <a:srgbClr val="000000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 – Citoyen - Basket Santé + OBE + 3X3 + animations )  </a:t>
            </a:r>
            <a:endParaRPr lang="fr-FR" altLang="en-US" dirty="0">
              <a:solidFill>
                <a:srgbClr val="000000"/>
              </a:solidFill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101" name="ZoneTexte 6">
            <a:extLst>
              <a:ext uri="{FF2B5EF4-FFF2-40B4-BE49-F238E27FC236}">
                <a16:creationId xmlns:a16="http://schemas.microsoft.com/office/drawing/2014/main" id="{58EE5A22-90F7-453C-98D1-84221EFC0C6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62050" y="3003822"/>
            <a:ext cx="11315699" cy="5232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2800" b="1" dirty="0">
                <a:solidFill>
                  <a:srgbClr val="000000"/>
                </a:solidFill>
              </a:rPr>
              <a:t>C – LA CREATION DE L’</a:t>
            </a:r>
            <a:r>
              <a:rPr lang="fr-FR" altLang="en-US" sz="2800" b="1" dirty="0">
                <a:solidFill>
                  <a:srgbClr val="FF0000"/>
                </a:solidFill>
              </a:rPr>
              <a:t>E</a:t>
            </a:r>
            <a:r>
              <a:rPr lang="fr-FR" altLang="en-US" sz="2800" b="1" dirty="0">
                <a:solidFill>
                  <a:srgbClr val="000000"/>
                </a:solidFill>
              </a:rPr>
              <a:t>SPACE D’</a:t>
            </a:r>
            <a:r>
              <a:rPr lang="fr-FR" altLang="en-US" sz="2800" b="1" dirty="0">
                <a:solidFill>
                  <a:srgbClr val="FF0000"/>
                </a:solidFill>
              </a:rPr>
              <a:t>A</a:t>
            </a:r>
            <a:r>
              <a:rPr lang="fr-FR" altLang="en-US" sz="2800" b="1" dirty="0">
                <a:solidFill>
                  <a:srgbClr val="000000"/>
                </a:solidFill>
              </a:rPr>
              <a:t>CCUEIL ET DE </a:t>
            </a:r>
            <a:r>
              <a:rPr lang="fr-FR" altLang="en-US" sz="2800" b="1" dirty="0">
                <a:solidFill>
                  <a:srgbClr val="FF0000"/>
                </a:solidFill>
              </a:rPr>
              <a:t>T</a:t>
            </a:r>
            <a:r>
              <a:rPr lang="fr-FR" altLang="en-US" sz="2800" b="1" dirty="0">
                <a:solidFill>
                  <a:srgbClr val="000000"/>
                </a:solidFill>
              </a:rPr>
              <a:t>RAVAIL  </a:t>
            </a:r>
            <a:r>
              <a:rPr lang="fr-FR" altLang="en-US" dirty="0">
                <a:solidFill>
                  <a:srgbClr val="000000"/>
                </a:solidFill>
              </a:rPr>
              <a:t>		</a:t>
            </a:r>
          </a:p>
        </p:txBody>
      </p:sp>
      <p:sp>
        <p:nvSpPr>
          <p:cNvPr id="4102" name="ZoneTexte 7">
            <a:extLst>
              <a:ext uri="{FF2B5EF4-FFF2-40B4-BE49-F238E27FC236}">
                <a16:creationId xmlns:a16="http://schemas.microsoft.com/office/drawing/2014/main" id="{4FF53A71-2C78-433D-8E57-2B9F66862B6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62050" y="3690262"/>
            <a:ext cx="10382250" cy="5232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2800" b="1" dirty="0">
                <a:solidFill>
                  <a:srgbClr val="000000"/>
                </a:solidFill>
              </a:rPr>
              <a:t>D – LE DEVELOPPEMENT DE NOS OUTILS DIGITAUX </a:t>
            </a:r>
          </a:p>
        </p:txBody>
      </p:sp>
      <p:sp>
        <p:nvSpPr>
          <p:cNvPr id="4103" name="ZoneTexte 8">
            <a:extLst>
              <a:ext uri="{FF2B5EF4-FFF2-40B4-BE49-F238E27FC236}">
                <a16:creationId xmlns:a16="http://schemas.microsoft.com/office/drawing/2014/main" id="{A01D6BCF-94E7-4A7B-83D3-DC9277A05B2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62050" y="4337034"/>
            <a:ext cx="6096000" cy="5232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2800" b="1" dirty="0">
                <a:solidFill>
                  <a:srgbClr val="000000"/>
                </a:solidFill>
              </a:rPr>
              <a:t>E – LA STRUCTURATION DU CLUB</a:t>
            </a:r>
            <a:endParaRPr lang="fr-FR" altLang="en-US" sz="2800" dirty="0">
              <a:solidFill>
                <a:srgbClr val="000000"/>
              </a:solidFill>
            </a:endParaRPr>
          </a:p>
        </p:txBody>
      </p:sp>
      <p:sp>
        <p:nvSpPr>
          <p:cNvPr id="4105" name="ZoneTexte 11">
            <a:extLst>
              <a:ext uri="{FF2B5EF4-FFF2-40B4-BE49-F238E27FC236}">
                <a16:creationId xmlns:a16="http://schemas.microsoft.com/office/drawing/2014/main" id="{6AAA6D93-C1B8-4ECD-ABD5-F33458D0236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62049" y="401419"/>
            <a:ext cx="7486651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3600" b="1" u="sng" dirty="0">
                <a:solidFill>
                  <a:srgbClr val="FF0000"/>
                </a:solidFill>
              </a:rPr>
              <a:t>POINT A DATE « 5 MAJEURS » </a:t>
            </a:r>
            <a:r>
              <a:rPr lang="fr-FR" altLang="en-US" sz="3600" b="1" dirty="0">
                <a:solidFill>
                  <a:srgbClr val="FF0000"/>
                </a:solidFill>
              </a:rPr>
              <a:t>:</a:t>
            </a:r>
          </a:p>
        </p:txBody>
      </p:sp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EE5E4593-4918-483A-B341-A4FD560EA65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11" name="ZoneTexte 8">
            <a:extLst>
              <a:ext uri="{FF2B5EF4-FFF2-40B4-BE49-F238E27FC236}">
                <a16:creationId xmlns:a16="http://schemas.microsoft.com/office/drawing/2014/main" id="{43EF7FAF-1625-47BB-B9F0-DAF5A773127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62049" y="5384586"/>
            <a:ext cx="7705725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sz="2400" b="1" dirty="0"/>
              <a:t>=&gt; Cette ambition globale sera animée par 3 moteurs </a:t>
            </a:r>
            <a:r>
              <a:rPr lang="fr-FR" b="1" dirty="0"/>
              <a:t>:</a:t>
            </a:r>
            <a:endParaRPr lang="en-US" sz="2000" b="1" dirty="0">
              <a:solidFill>
                <a:srgbClr val="FF0000"/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B504AC9-4812-4318-AB55-8F5BBC678FD5}"/>
              </a:ext>
            </a:extLst>
          </p:cNvPr>
          <p:cNvSpPr txBox="1"/>
          <p:nvPr/>
        </p:nvSpPr>
        <p:spPr>
          <a:xfrm>
            <a:off x="904874" y="6031358"/>
            <a:ext cx="294322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FF0000"/>
                </a:solidFill>
              </a:rPr>
              <a:t>LA CONVIVIALITE</a:t>
            </a:r>
            <a:endParaRPr lang="en-US" sz="2800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119BBFE3-BD7B-4DE9-95F4-312AB28BAD74}"/>
              </a:ext>
            </a:extLst>
          </p:cNvPr>
          <p:cNvSpPr txBox="1"/>
          <p:nvPr/>
        </p:nvSpPr>
        <p:spPr>
          <a:xfrm>
            <a:off x="4362449" y="6031358"/>
            <a:ext cx="310038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FF0000"/>
                </a:solidFill>
              </a:rPr>
              <a:t>L’ESPRIT D’EQUIPE</a:t>
            </a:r>
            <a:endParaRPr lang="en-US" sz="2800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8E2D911-D0BA-4D6B-AE4A-3179B3C55936}"/>
              </a:ext>
            </a:extLst>
          </p:cNvPr>
          <p:cNvSpPr txBox="1"/>
          <p:nvPr/>
        </p:nvSpPr>
        <p:spPr>
          <a:xfrm>
            <a:off x="7996237" y="6031358"/>
            <a:ext cx="223837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FF0000"/>
                </a:solidFill>
              </a:rPr>
              <a:t>LE PLAISIR</a:t>
            </a:r>
            <a:endParaRPr lang="en-US" sz="280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5F07747-5424-4442-928D-21CEF889C4CC}"/>
              </a:ext>
            </a:extLst>
          </p:cNvPr>
          <p:cNvSpPr txBox="1"/>
          <p:nvPr/>
        </p:nvSpPr>
        <p:spPr>
          <a:xfrm>
            <a:off x="247650" y="390525"/>
            <a:ext cx="790575" cy="6572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kumimoji="0" lang="fr-FR" alt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①</a:t>
            </a:r>
            <a:endParaRPr lang="en-US" dirty="0"/>
          </a:p>
        </p:txBody>
      </p:sp>
    </p:spTree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099" grpId="0"/>
      <p:bldP spid="4100" grpId="0"/>
      <p:bldP spid="4101" grpId="0"/>
      <p:bldP spid="4102" grpId="0"/>
      <p:bldP spid="4103" grpId="0"/>
      <p:bldP spid="11" grpId="0"/>
      <p:bldP spid="2" grpId="0"/>
      <p:bldP spid="12" grpId="0"/>
      <p:bldP spid="13" grpId="0"/>
    </p:bld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4D907F7-4A1D-FE44-3475-974560053E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364456"/>
            <a:ext cx="10515600" cy="1325563"/>
          </a:xfrm>
        </p:spPr>
        <p:txBody>
          <a:bodyPr/>
          <a:lstStyle/>
          <a:p>
            <a:pPr algn="ctr"/>
            <a:r>
              <a:rPr lang="fr-FR" dirty="0"/>
              <a:t>Commission communication 2022/2023</a:t>
            </a:r>
          </a:p>
        </p:txBody>
      </p:sp>
      <p:graphicFrame>
        <p:nvGraphicFramePr>
          <p:cNvPr id="7" name="Espace réservé du contenu 2">
            <a:extLst>
              <a:ext uri="{FF2B5EF4-FFF2-40B4-BE49-F238E27FC236}">
                <a16:creationId xmlns:a16="http://schemas.microsoft.com/office/drawing/2014/main" id="{F637A062-827E-879F-3F87-6D6187217866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55731233"/>
              </p:ext>
            </p:extLst>
          </p:nvPr>
        </p:nvGraphicFramePr>
        <p:xfrm>
          <a:off x="838200" y="21939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6" name="Image 5" descr="Une image contenant logo, symbole, Marque, Graphique&#10;&#10;Description générée automatiquement">
            <a:extLst>
              <a:ext uri="{FF2B5EF4-FFF2-40B4-BE49-F238E27FC236}">
                <a16:creationId xmlns:a16="http://schemas.microsoft.com/office/drawing/2014/main" id="{B4119CAA-7788-7431-E291-9EC63C1645B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904214" y="38893"/>
            <a:ext cx="2154436" cy="1325563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0B22D042-D673-944B-AED5-4899BE5ADC15}"/>
              </a:ext>
            </a:extLst>
          </p:cNvPr>
          <p:cNvSpPr txBox="1"/>
          <p:nvPr/>
        </p:nvSpPr>
        <p:spPr>
          <a:xfrm>
            <a:off x="3935896" y="6090699"/>
            <a:ext cx="287042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FF0000"/>
                </a:solidFill>
              </a:rPr>
              <a:t>BESOIN DE BENEVOLES </a:t>
            </a:r>
            <a:r>
              <a:rPr lang="fr-FR" b="1" dirty="0">
                <a:solidFill>
                  <a:srgbClr val="FF0000"/>
                </a:solidFill>
                <a:sym typeface="Wingdings" panose="05000000000000000000" pitchFamily="2" charset="2"/>
              </a:rPr>
              <a:t></a:t>
            </a:r>
            <a:r>
              <a:rPr lang="fr-FR" b="1" dirty="0">
                <a:solidFill>
                  <a:srgbClr val="FF0000"/>
                </a:solidFill>
              </a:rPr>
              <a:t> </a:t>
            </a:r>
            <a:endParaRPr lang="en-US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52588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ZoneTexte 4">
            <a:extLst>
              <a:ext uri="{FF2B5EF4-FFF2-40B4-BE49-F238E27FC236}">
                <a16:creationId xmlns:a16="http://schemas.microsoft.com/office/drawing/2014/main" id="{9254C688-FB5D-441B-8E7E-34643960819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56819" y="150646"/>
            <a:ext cx="8553831" cy="11079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4800" b="1" dirty="0">
                <a:solidFill>
                  <a:srgbClr val="FF0000"/>
                </a:solidFill>
              </a:rPr>
              <a:t>E – LA STRUCTURATION DU CLUB</a:t>
            </a:r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417825A-DEA8-4315-9DBF-A3AE61272E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883987"/>
            <a:ext cx="12192000" cy="43781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86490758"/>
      </p:ext>
    </p:extLst>
  </p:cSld>
  <p:clrMapOvr>
    <a:masterClrMapping/>
  </p:clrMapOvr>
  <p:transition>
    <p:fade/>
  </p:transition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ZoneTexte 4">
            <a:extLst>
              <a:ext uri="{FF2B5EF4-FFF2-40B4-BE49-F238E27FC236}">
                <a16:creationId xmlns:a16="http://schemas.microsoft.com/office/drawing/2014/main" id="{0832CD16-A325-4BBE-8506-0941DDA9707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65121" y="1362649"/>
            <a:ext cx="9197975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lvl="0"/>
            <a:r>
              <a:rPr lang="fr-FR" sz="2400" b="1" dirty="0">
                <a:highlight>
                  <a:srgbClr val="00FFFF"/>
                </a:highlight>
              </a:rPr>
              <a:t>Objectif n°1 : recruter et faciliter la tâche des bénévoles</a:t>
            </a:r>
            <a:endParaRPr lang="en-US" sz="2400" dirty="0">
              <a:highlight>
                <a:srgbClr val="00FFFF"/>
              </a:highlight>
            </a:endParaRP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6C934D88-C623-4C0D-BF01-B4B58ED9732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13" name="ZoneTexte 4">
            <a:extLst>
              <a:ext uri="{FF2B5EF4-FFF2-40B4-BE49-F238E27FC236}">
                <a16:creationId xmlns:a16="http://schemas.microsoft.com/office/drawing/2014/main" id="{6A0C082B-6B6C-421E-9C8E-F542FF056BF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65122" y="4948717"/>
            <a:ext cx="10826753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lvl="0"/>
            <a:r>
              <a:rPr lang="fr-FR" sz="2400" b="1" dirty="0">
                <a:highlight>
                  <a:srgbClr val="00FFFF"/>
                </a:highlight>
              </a:rPr>
              <a:t>Objectif N°2 : créer un poste de Directeur de Club pour notre salarié à 35H</a:t>
            </a:r>
            <a:endParaRPr lang="en-US" sz="2400" dirty="0">
              <a:highlight>
                <a:srgbClr val="00FFFF"/>
              </a:highlight>
            </a:endParaRPr>
          </a:p>
        </p:txBody>
      </p:sp>
      <p:sp>
        <p:nvSpPr>
          <p:cNvPr id="14" name="ZoneTexte 4">
            <a:extLst>
              <a:ext uri="{FF2B5EF4-FFF2-40B4-BE49-F238E27FC236}">
                <a16:creationId xmlns:a16="http://schemas.microsoft.com/office/drawing/2014/main" id="{204C9EE6-C1FF-47D7-A0F0-66B43658C5F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65121" y="1952499"/>
            <a:ext cx="9197975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b="1" dirty="0"/>
              <a:t>=&gt; Action : définir des fiches de poste et de procédures pour l’ensemble des activités du club.</a:t>
            </a:r>
            <a:r>
              <a:rPr lang="fr-FR" dirty="0"/>
              <a:t> </a:t>
            </a:r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2E149D8-F01F-46EC-8F63-2EFE61B7E448}"/>
              </a:ext>
            </a:extLst>
          </p:cNvPr>
          <p:cNvPicPr>
            <a:picLocks noChangeAspect="1"/>
          </p:cNvPicPr>
          <p:nvPr/>
        </p:nvPicPr>
        <p:blipFill>
          <a:blip r:embed="rId3">
            <a:lum/>
            <a:alphaModFix/>
          </a:blip>
          <a:srcRect/>
          <a:stretch>
            <a:fillRect/>
          </a:stretch>
        </p:blipFill>
        <p:spPr>
          <a:xfrm>
            <a:off x="9438198" y="1690285"/>
            <a:ext cx="2146853" cy="3059349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750022501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13" grpId="0"/>
      <p:bldP spid="14" grpId="0"/>
    </p:bld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DBADDABD-7655-4BAA-849F-9728626D051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622066" y="231637"/>
            <a:ext cx="7083783" cy="8002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altLang="en-US" sz="2800" b="1" dirty="0">
                <a:solidFill>
                  <a:srgbClr val="FF0000"/>
                </a:solidFill>
              </a:rPr>
              <a:t>En route vers le poste de Directeur de Club</a:t>
            </a:r>
            <a:r>
              <a:rPr lang="fr-FR" dirty="0">
                <a:solidFill>
                  <a:srgbClr val="FF0000"/>
                </a:solidFill>
              </a:rPr>
              <a:t> </a:t>
            </a:r>
            <a:endParaRPr lang="en-US" dirty="0">
              <a:solidFill>
                <a:srgbClr val="FF0000"/>
              </a:solidFill>
            </a:endParaRPr>
          </a:p>
          <a:p>
            <a:pPr eaLnBrk="1" hangingPunct="1"/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sp>
        <p:nvSpPr>
          <p:cNvPr id="6" name="ZoneTexte 4">
            <a:extLst>
              <a:ext uri="{FF2B5EF4-FFF2-40B4-BE49-F238E27FC236}">
                <a16:creationId xmlns:a16="http://schemas.microsoft.com/office/drawing/2014/main" id="{0832CD16-A325-4BBE-8506-0941DDA9707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65123" y="1974895"/>
            <a:ext cx="910590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altLang="en-US" b="1" dirty="0">
                <a:solidFill>
                  <a:srgbClr val="000000"/>
                </a:solidFill>
              </a:rPr>
              <a:t>1 - Animer et coordonner le projet sportif du club ( suivi des entrainements et des matchs )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6C934D88-C623-4C0D-BF01-B4B58ED9732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14" name="ZoneTexte 4">
            <a:extLst>
              <a:ext uri="{FF2B5EF4-FFF2-40B4-BE49-F238E27FC236}">
                <a16:creationId xmlns:a16="http://schemas.microsoft.com/office/drawing/2014/main" id="{7BADDF73-A6E0-4764-B948-D7B2E20BC32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65123" y="2757022"/>
            <a:ext cx="9197975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b="1" dirty="0"/>
              <a:t>2 - Animer et développer la formation des entraineurs et officiels</a:t>
            </a:r>
            <a:endParaRPr lang="en-US" b="1" dirty="0"/>
          </a:p>
          <a:p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sp>
        <p:nvSpPr>
          <p:cNvPr id="15" name="ZoneTexte 4">
            <a:extLst>
              <a:ext uri="{FF2B5EF4-FFF2-40B4-BE49-F238E27FC236}">
                <a16:creationId xmlns:a16="http://schemas.microsoft.com/office/drawing/2014/main" id="{A32430EA-B13E-4D00-84BC-2D503CD401F7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65122" y="3549684"/>
            <a:ext cx="9197975" cy="12003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b="1" dirty="0"/>
              <a:t>3 - Préparer et organiser des rencontres (gestion des officiels) en lien avec la  </a:t>
            </a:r>
          </a:p>
          <a:p>
            <a:r>
              <a:rPr lang="fr-FR" b="1" dirty="0"/>
              <a:t>   coordinatrice générale</a:t>
            </a:r>
          </a:p>
          <a:p>
            <a:endParaRPr lang="en-US" dirty="0"/>
          </a:p>
          <a:p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sp>
        <p:nvSpPr>
          <p:cNvPr id="16" name="ZoneTexte 4">
            <a:extLst>
              <a:ext uri="{FF2B5EF4-FFF2-40B4-BE49-F238E27FC236}">
                <a16:creationId xmlns:a16="http://schemas.microsoft.com/office/drawing/2014/main" id="{4A3DA806-CB98-476D-AA91-D9C59132EA4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65121" y="4475758"/>
            <a:ext cx="9197975" cy="12003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altLang="en-US" b="1" dirty="0">
                <a:solidFill>
                  <a:srgbClr val="000000"/>
                </a:solidFill>
              </a:rPr>
              <a:t>4 - Planifier et organiser des stages d’initiation et de perfectionnement pendant les    </a:t>
            </a:r>
          </a:p>
          <a:p>
            <a:r>
              <a:rPr lang="fr-FR" altLang="en-US" b="1" dirty="0">
                <a:solidFill>
                  <a:srgbClr val="000000"/>
                </a:solidFill>
              </a:rPr>
              <a:t>   vacances scolaires et toutes les animations permettant le développement du </a:t>
            </a:r>
          </a:p>
          <a:p>
            <a:r>
              <a:rPr lang="fr-FR" altLang="en-US" b="1" dirty="0">
                <a:solidFill>
                  <a:srgbClr val="000000"/>
                </a:solidFill>
              </a:rPr>
              <a:t>   club</a:t>
            </a:r>
          </a:p>
          <a:p>
            <a:r>
              <a:rPr lang="fr-FR" altLang="en-US" b="1" dirty="0">
                <a:solidFill>
                  <a:srgbClr val="000000"/>
                </a:solidFill>
              </a:rPr>
              <a:t>	</a:t>
            </a:r>
          </a:p>
        </p:txBody>
      </p:sp>
      <p:sp>
        <p:nvSpPr>
          <p:cNvPr id="8" name="ZoneTexte 4">
            <a:extLst>
              <a:ext uri="{FF2B5EF4-FFF2-40B4-BE49-F238E27FC236}">
                <a16:creationId xmlns:a16="http://schemas.microsoft.com/office/drawing/2014/main" id="{BBEBD992-5694-4081-BCB9-4C90EB3AD4F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65123" y="1030729"/>
            <a:ext cx="5045077" cy="8002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sz="2800" b="1" dirty="0">
                <a:solidFill>
                  <a:srgbClr val="000000"/>
                </a:solidFill>
              </a:rPr>
              <a:t>Missions principales </a:t>
            </a:r>
            <a:r>
              <a:rPr lang="fr-FR" dirty="0"/>
              <a:t> </a:t>
            </a:r>
            <a:endParaRPr lang="en-US" dirty="0"/>
          </a:p>
          <a:p>
            <a:pPr eaLnBrk="1" hangingPunct="1"/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1388325259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14" grpId="0"/>
      <p:bldP spid="15" grpId="0"/>
      <p:bldP spid="16" grpId="0"/>
      <p:bldP spid="8" grpId="0"/>
    </p:bld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ZoneTexte 4">
            <a:extLst>
              <a:ext uri="{FF2B5EF4-FFF2-40B4-BE49-F238E27FC236}">
                <a16:creationId xmlns:a16="http://schemas.microsoft.com/office/drawing/2014/main" id="{9254C688-FB5D-441B-8E7E-34643960819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23900" y="361771"/>
            <a:ext cx="8077201" cy="12003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5400" b="1" dirty="0">
                <a:solidFill>
                  <a:srgbClr val="FF0000"/>
                </a:solidFill>
              </a:rPr>
              <a:t>VOTE BILAN « 5 MAJEURS »</a:t>
            </a:r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417825A-DEA8-4315-9DBF-A3AE61272E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883987"/>
            <a:ext cx="12192000" cy="43781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26711572"/>
      </p:ext>
    </p:extLst>
  </p:cSld>
  <p:clrMapOvr>
    <a:masterClrMapping/>
  </p:clrMapOvr>
  <p:transition>
    <p:fade/>
  </p:transition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Titre 3">
            <a:extLst>
              <a:ext uri="{FF2B5EF4-FFF2-40B4-BE49-F238E27FC236}">
                <a16:creationId xmlns:a16="http://schemas.microsoft.com/office/drawing/2014/main" id="{FA2458F7-1547-8EB2-F399-50C75EB506C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3170" y="357174"/>
            <a:ext cx="8862392" cy="1325563"/>
          </a:xfrm>
        </p:spPr>
        <p:txBody>
          <a:bodyPr>
            <a:normAutofit/>
          </a:bodyPr>
          <a:lstStyle/>
          <a:p>
            <a:r>
              <a:rPr lang="fr-FR" sz="3600" b="1" dirty="0">
                <a:solidFill>
                  <a:srgbClr val="FF0000"/>
                </a:solidFill>
                <a:latin typeface="+mn-lt"/>
              </a:rPr>
              <a:t>② </a:t>
            </a:r>
            <a:r>
              <a:rPr lang="fr-FR" sz="3600" b="1" u="sng" dirty="0">
                <a:solidFill>
                  <a:srgbClr val="FF0000"/>
                </a:solidFill>
                <a:latin typeface="+mn-lt"/>
              </a:rPr>
              <a:t>BILAN </a:t>
            </a:r>
            <a:r>
              <a:rPr lang="fr-FR" altLang="en-US" sz="3600" b="1" u="sng" dirty="0">
                <a:solidFill>
                  <a:srgbClr val="FF0000"/>
                </a:solidFill>
                <a:latin typeface="+mn-lt"/>
              </a:rPr>
              <a:t>FINANCIER </a:t>
            </a:r>
            <a:r>
              <a:rPr lang="fr-FR" altLang="en-US" sz="3600" b="1" dirty="0">
                <a:solidFill>
                  <a:srgbClr val="FF0000"/>
                </a:solidFill>
                <a:latin typeface="+mn-lt"/>
              </a:rPr>
              <a:t>: </a:t>
            </a:r>
          </a:p>
        </p:txBody>
      </p:sp>
      <p:pic>
        <p:nvPicPr>
          <p:cNvPr id="28676" name="Picture 10" descr="Logo&#10;&#10;Description automatically generated">
            <a:extLst>
              <a:ext uri="{FF2B5EF4-FFF2-40B4-BE49-F238E27FC236}">
                <a16:creationId xmlns:a16="http://schemas.microsoft.com/office/drawing/2014/main" id="{9C0B189A-CA5D-B2F3-47A8-919C6514451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6400" y="0"/>
            <a:ext cx="2895600" cy="1581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re 3">
            <a:extLst>
              <a:ext uri="{FF2B5EF4-FFF2-40B4-BE49-F238E27FC236}">
                <a16:creationId xmlns:a16="http://schemas.microsoft.com/office/drawing/2014/main" id="{DDFD1676-94B7-0D25-844F-C6D1F9886C52}"/>
              </a:ext>
            </a:extLst>
          </p:cNvPr>
          <p:cNvSpPr txBox="1">
            <a:spLocks/>
          </p:cNvSpPr>
          <p:nvPr/>
        </p:nvSpPr>
        <p:spPr>
          <a:xfrm>
            <a:off x="1133723" y="3847596"/>
            <a:ext cx="4962277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600" b="1" dirty="0">
                <a:latin typeface="+mn-lt"/>
              </a:rPr>
              <a:t>C - PARTENAIRES </a:t>
            </a:r>
            <a:endParaRPr lang="fr-FR" altLang="en-US" sz="3600" b="1" dirty="0">
              <a:latin typeface="+mn-lt"/>
            </a:endParaRPr>
          </a:p>
        </p:txBody>
      </p:sp>
      <p:sp>
        <p:nvSpPr>
          <p:cNvPr id="4" name="Titre 3">
            <a:extLst>
              <a:ext uri="{FF2B5EF4-FFF2-40B4-BE49-F238E27FC236}">
                <a16:creationId xmlns:a16="http://schemas.microsoft.com/office/drawing/2014/main" id="{52BB6E18-D76C-E003-73BA-FE02D7ADE067}"/>
              </a:ext>
            </a:extLst>
          </p:cNvPr>
          <p:cNvSpPr txBox="1">
            <a:spLocks/>
          </p:cNvSpPr>
          <p:nvPr/>
        </p:nvSpPr>
        <p:spPr>
          <a:xfrm>
            <a:off x="1133723" y="2870911"/>
            <a:ext cx="5919084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600" b="1" dirty="0">
                <a:latin typeface="+mn-lt"/>
              </a:rPr>
              <a:t>B - BUDGET 2023-2024 </a:t>
            </a:r>
            <a:endParaRPr lang="fr-FR" altLang="en-US" sz="3600" b="1" dirty="0">
              <a:latin typeface="+mn-lt"/>
            </a:endParaRPr>
          </a:p>
        </p:txBody>
      </p:sp>
      <p:sp>
        <p:nvSpPr>
          <p:cNvPr id="5" name="Titre 3">
            <a:extLst>
              <a:ext uri="{FF2B5EF4-FFF2-40B4-BE49-F238E27FC236}">
                <a16:creationId xmlns:a16="http://schemas.microsoft.com/office/drawing/2014/main" id="{C869CD15-15BA-DEDB-BF1E-DF3DF419D53D}"/>
              </a:ext>
            </a:extLst>
          </p:cNvPr>
          <p:cNvSpPr txBox="1">
            <a:spLocks/>
          </p:cNvSpPr>
          <p:nvPr/>
        </p:nvSpPr>
        <p:spPr>
          <a:xfrm>
            <a:off x="1133722" y="1788972"/>
            <a:ext cx="8081839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600" b="1" dirty="0">
                <a:latin typeface="+mn-lt"/>
              </a:rPr>
              <a:t>A – COMPTE DE RESULTAT  2022-2023 </a:t>
            </a:r>
            <a:endParaRPr lang="fr-FR" altLang="en-US" sz="3600" b="1" dirty="0">
              <a:latin typeface="+mn-lt"/>
            </a:endParaRPr>
          </a:p>
        </p:txBody>
      </p:sp>
    </p:spTree>
    <p:custDataLst>
      <p:tags r:id="rId1"/>
    </p:custData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4" grpId="0"/>
      <p:bldP spid="5" grpId="0"/>
    </p:bld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1FF1B95E-2D8E-2AA0-4FDB-BF9EB495433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500" y="2159000"/>
            <a:ext cx="3571875" cy="346075"/>
          </a:xfrm>
        </p:spPr>
        <p:txBody>
          <a:bodyPr rtlCol="0">
            <a:normAutofit/>
          </a:bodyPr>
          <a:lstStyle/>
          <a:p>
            <a:pPr fontAlgn="auto">
              <a:defRPr/>
            </a:pPr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29699" name="Picture 10" descr="Logo&#10;&#10;Description automatically generated">
            <a:extLst>
              <a:ext uri="{FF2B5EF4-FFF2-40B4-BE49-F238E27FC236}">
                <a16:creationId xmlns:a16="http://schemas.microsoft.com/office/drawing/2014/main" id="{F50561A6-5630-EC9E-DBAD-121A72646D4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6400" y="0"/>
            <a:ext cx="2895600" cy="1581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6" name="Tableau 5">
            <a:extLst>
              <a:ext uri="{FF2B5EF4-FFF2-40B4-BE49-F238E27FC236}">
                <a16:creationId xmlns:a16="http://schemas.microsoft.com/office/drawing/2014/main" id="{18E96357-4D93-49BB-188D-3BDC9CB8C5A6}"/>
              </a:ext>
            </a:extLst>
          </p:cNvPr>
          <p:cNvGraphicFramePr>
            <a:graphicFrameLocks noGrp="1"/>
          </p:cNvGraphicFramePr>
          <p:nvPr/>
        </p:nvGraphicFramePr>
        <p:xfrm>
          <a:off x="1803400" y="666750"/>
          <a:ext cx="8356600" cy="561022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2033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5796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05314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12515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Charges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Produits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Charges Fédérales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3755.53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Cotisations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26829.70</a:t>
                      </a:r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Arbitrage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2875.20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Subventions 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6982.17</a:t>
                      </a:r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Amendes 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245.75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9229">
                <a:tc>
                  <a:txBody>
                    <a:bodyPr/>
                    <a:lstStyle/>
                    <a:p>
                      <a:r>
                        <a:rPr lang="fr-FR" sz="1800" dirty="0"/>
                        <a:t>Frais de Déplacement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13390.50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Salaire</a:t>
                      </a:r>
                      <a:r>
                        <a:rPr lang="fr-FR" sz="1800" baseline="0" dirty="0"/>
                        <a:t>s Entraîneur</a:t>
                      </a:r>
                      <a:endParaRPr lang="fr-FR" sz="1800" dirty="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3077.90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Aide ASP pour emploi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7500.00</a:t>
                      </a:r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Charges sociales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772.09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Frais déplacement Formation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2939.11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Service Civique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890.80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Formations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1006.37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Sponsoring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7164.00</a:t>
                      </a:r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Assurance club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256.79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Investissement Matériel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4877.81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Achats Boutique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1117.80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Vente Boutique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910.00</a:t>
                      </a:r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Achats Bar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baseline="0" dirty="0"/>
                        <a:t>   6597.49</a:t>
                      </a:r>
                      <a:endParaRPr lang="fr-FR" sz="1800" dirty="0"/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Recettes Bar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3303.59</a:t>
                      </a:r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374357">
                <a:tc>
                  <a:txBody>
                    <a:bodyPr/>
                    <a:lstStyle/>
                    <a:p>
                      <a:r>
                        <a:rPr lang="fr-FR" sz="1800" dirty="0"/>
                        <a:t>Camp Eté (frais)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447.40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Camp Eté (recettes)</a:t>
                      </a:r>
                    </a:p>
                  </a:txBody>
                  <a:tcPr marL="91432" marR="91432" marT="45714" marB="45714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1145.00</a:t>
                      </a:r>
                    </a:p>
                  </a:txBody>
                  <a:tcPr marL="91432" marR="91432" marT="45714" marB="45714"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</a:tbl>
          </a:graphicData>
        </a:graphic>
      </p:graphicFrame>
      <p:sp>
        <p:nvSpPr>
          <p:cNvPr id="29782" name="ZoneTexte 6">
            <a:extLst>
              <a:ext uri="{FF2B5EF4-FFF2-40B4-BE49-F238E27FC236}">
                <a16:creationId xmlns:a16="http://schemas.microsoft.com/office/drawing/2014/main" id="{9565AC63-87DB-02E0-EE4E-F9323FDDC14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728801" y="173141"/>
            <a:ext cx="3821099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altLang="en-US" dirty="0">
                <a:solidFill>
                  <a:schemeClr val="accent1"/>
                </a:solidFill>
              </a:rPr>
              <a:t>A - Compte de Résultat 2022 – 2023 </a:t>
            </a:r>
          </a:p>
        </p:txBody>
      </p:sp>
    </p:spTree>
    <p:custDataLst>
      <p:tags r:id="rId1"/>
    </p:custDataLst>
  </p:cSld>
  <p:clrMapOvr>
    <a:masterClrMapping/>
  </p:clrMapOvr>
  <p:transition>
    <p:fade/>
  </p:transition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23" name="Picture 10" descr="Logo&#10;&#10;Description automatically generated">
            <a:extLst>
              <a:ext uri="{FF2B5EF4-FFF2-40B4-BE49-F238E27FC236}">
                <a16:creationId xmlns:a16="http://schemas.microsoft.com/office/drawing/2014/main" id="{34136845-5602-F597-E923-F934EB54E0B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6400" y="0"/>
            <a:ext cx="2895600" cy="1581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4" name="Tableau 3">
            <a:extLst>
              <a:ext uri="{FF2B5EF4-FFF2-40B4-BE49-F238E27FC236}">
                <a16:creationId xmlns:a16="http://schemas.microsoft.com/office/drawing/2014/main" id="{764B9CBA-3462-A9A6-4C8D-0583CBA196A1}"/>
              </a:ext>
            </a:extLst>
          </p:cNvPr>
          <p:cNvGraphicFramePr>
            <a:graphicFrameLocks noGrp="1"/>
          </p:cNvGraphicFramePr>
          <p:nvPr/>
        </p:nvGraphicFramePr>
        <p:xfrm>
          <a:off x="2032000" y="1331913"/>
          <a:ext cx="8128000" cy="356711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5801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0598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904309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159691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65858">
                <a:tc>
                  <a:txBody>
                    <a:bodyPr/>
                    <a:lstStyle/>
                    <a:p>
                      <a:r>
                        <a:rPr lang="fr-FR" sz="1800" dirty="0"/>
                        <a:t>Charges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Produits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T="45732" marB="45732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65858">
                <a:tc>
                  <a:txBody>
                    <a:bodyPr/>
                    <a:lstStyle/>
                    <a:p>
                      <a:r>
                        <a:rPr lang="fr-FR" sz="1800" dirty="0"/>
                        <a:t>Soirées organisées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2870.10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Soirées+ Tombola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5636.58</a:t>
                      </a:r>
                    </a:p>
                  </a:txBody>
                  <a:tcPr marT="45732" marB="45732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65858">
                <a:tc>
                  <a:txBody>
                    <a:bodyPr/>
                    <a:lstStyle/>
                    <a:p>
                      <a:r>
                        <a:rPr lang="fr-FR" sz="1800" dirty="0"/>
                        <a:t>Frais AG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   27.90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32" marB="45732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5858">
                <a:tc>
                  <a:txBody>
                    <a:bodyPr/>
                    <a:lstStyle/>
                    <a:p>
                      <a:r>
                        <a:rPr lang="fr-FR" sz="1800" dirty="0"/>
                        <a:t>Tournoi dépenses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9242.33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Tournoi Recettes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4439.33</a:t>
                      </a:r>
                    </a:p>
                  </a:txBody>
                  <a:tcPr marT="45732" marB="45732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5858">
                <a:tc>
                  <a:txBody>
                    <a:bodyPr/>
                    <a:lstStyle/>
                    <a:p>
                      <a:r>
                        <a:rPr lang="fr-FR" sz="1800" dirty="0"/>
                        <a:t>Frais Fonctionnement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808.03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32" marB="45732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5858">
                <a:tc>
                  <a:txBody>
                    <a:bodyPr/>
                    <a:lstStyle/>
                    <a:p>
                      <a:r>
                        <a:rPr lang="fr-FR" sz="1800" dirty="0"/>
                        <a:t>Frais réception seniors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626.74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Produits Financiers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487.80</a:t>
                      </a:r>
                    </a:p>
                  </a:txBody>
                  <a:tcPr marT="45732" marB="45732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65858">
                <a:tc>
                  <a:txBody>
                    <a:bodyPr/>
                    <a:lstStyle/>
                    <a:p>
                      <a:r>
                        <a:rPr lang="fr-FR" sz="1800" dirty="0"/>
                        <a:t>Dotation provision Travaux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5000.00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32" marB="45732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5858">
                <a:tc>
                  <a:txBody>
                    <a:bodyPr/>
                    <a:lstStyle/>
                    <a:p>
                      <a:r>
                        <a:rPr lang="fr-FR" sz="1800" dirty="0"/>
                        <a:t>Totaux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90825.24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Totaux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94398.17</a:t>
                      </a:r>
                    </a:p>
                  </a:txBody>
                  <a:tcPr marT="45732" marB="45732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640251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800" dirty="0"/>
                        <a:t>Résultat</a:t>
                      </a:r>
                    </a:p>
                    <a:p>
                      <a:endParaRPr lang="fr-FR" sz="1800" dirty="0"/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r>
                        <a:rPr lang="fr-FR" sz="1800" dirty="0">
                          <a:solidFill>
                            <a:srgbClr val="FF0000"/>
                          </a:solidFill>
                        </a:rPr>
                        <a:t>  3572.93</a:t>
                      </a:r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T="45732" marB="45732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T="45732" marB="45732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  <p:sp>
        <p:nvSpPr>
          <p:cNvPr id="30776" name="ZoneTexte 4">
            <a:extLst>
              <a:ext uri="{FF2B5EF4-FFF2-40B4-BE49-F238E27FC236}">
                <a16:creationId xmlns:a16="http://schemas.microsoft.com/office/drawing/2014/main" id="{49455203-AE3A-2024-7FAA-8578D6D1091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976437" y="775960"/>
            <a:ext cx="4416412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altLang="en-US" dirty="0">
                <a:solidFill>
                  <a:schemeClr val="accent1"/>
                </a:solidFill>
              </a:rPr>
              <a:t>A - Compte de Résultat 2022 – 2023 ( suite )</a:t>
            </a:r>
          </a:p>
          <a:p>
            <a:endParaRPr lang="fr-FR" altLang="en-US" dirty="0"/>
          </a:p>
        </p:txBody>
      </p:sp>
    </p:spTree>
    <p:custDataLst>
      <p:tags r:id="rId1"/>
    </p:custDataLst>
  </p:cSld>
  <p:clrMapOvr>
    <a:masterClrMapping/>
  </p:clrMapOvr>
  <p:transition>
    <p:fade/>
  </p:transition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029F426C-1B6F-4946-5952-8FF0FCD1399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500" y="2159000"/>
            <a:ext cx="3571875" cy="346075"/>
          </a:xfrm>
        </p:spPr>
        <p:txBody>
          <a:bodyPr rtlCol="0">
            <a:normAutofit/>
          </a:bodyPr>
          <a:lstStyle/>
          <a:p>
            <a:pPr fontAlgn="auto">
              <a:defRPr/>
            </a:pPr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31747" name="Picture 10" descr="Logo&#10;&#10;Description automatically generated">
            <a:extLst>
              <a:ext uri="{FF2B5EF4-FFF2-40B4-BE49-F238E27FC236}">
                <a16:creationId xmlns:a16="http://schemas.microsoft.com/office/drawing/2014/main" id="{A152BDD4-4913-33E9-6C2A-9D20825610C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6400" y="0"/>
            <a:ext cx="2895600" cy="1581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1748" name="ZoneTexte 3">
            <a:extLst>
              <a:ext uri="{FF2B5EF4-FFF2-40B4-BE49-F238E27FC236}">
                <a16:creationId xmlns:a16="http://schemas.microsoft.com/office/drawing/2014/main" id="{96D3DD7E-6C6A-0C52-2CA9-4707AB04995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032000" y="158746"/>
            <a:ext cx="3409950" cy="368300"/>
          </a:xfrm>
          <a:prstGeom prst="rect">
            <a:avLst/>
          </a:prstGeom>
          <a:noFill/>
          <a:ln w="9525">
            <a:solidFill>
              <a:srgbClr val="0070C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altLang="en-US" dirty="0">
                <a:solidFill>
                  <a:srgbClr val="0070C0"/>
                </a:solidFill>
              </a:rPr>
              <a:t>B - Budget 2023-2024</a:t>
            </a:r>
          </a:p>
        </p:txBody>
      </p:sp>
      <p:graphicFrame>
        <p:nvGraphicFramePr>
          <p:cNvPr id="7" name="Tableau 6">
            <a:extLst>
              <a:ext uri="{FF2B5EF4-FFF2-40B4-BE49-F238E27FC236}">
                <a16:creationId xmlns:a16="http://schemas.microsoft.com/office/drawing/2014/main" id="{D62CF946-AFB4-078E-72B5-0965537DD120}"/>
              </a:ext>
            </a:extLst>
          </p:cNvPr>
          <p:cNvGraphicFramePr>
            <a:graphicFrameLocks noGrp="1"/>
          </p:cNvGraphicFramePr>
          <p:nvPr/>
        </p:nvGraphicFramePr>
        <p:xfrm>
          <a:off x="2032000" y="719138"/>
          <a:ext cx="8356600" cy="561181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2033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5796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05314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12515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Charges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Produits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Charges Fédérales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50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Cotisations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28000</a:t>
                      </a:r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Arbitrage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10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Subventions 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1700</a:t>
                      </a:r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Amendes 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25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9333">
                <a:tc>
                  <a:txBody>
                    <a:bodyPr/>
                    <a:lstStyle/>
                    <a:p>
                      <a:r>
                        <a:rPr lang="fr-FR" sz="1800" dirty="0"/>
                        <a:t>Frais de Déplacement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24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Salaire</a:t>
                      </a:r>
                      <a:r>
                        <a:rPr lang="fr-FR" sz="1800" baseline="0" dirty="0"/>
                        <a:t>s Entraîneur Charlie</a:t>
                      </a:r>
                      <a:endParaRPr lang="fr-FR" sz="1800" dirty="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85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Aide ASP pour emploi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7500</a:t>
                      </a:r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Charges sociales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90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Budget CTC pour EAT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9335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Salaire Apprenti</a:t>
                      </a:r>
                      <a:r>
                        <a:rPr lang="fr-FR" sz="1800" baseline="0" dirty="0"/>
                        <a:t> Camille</a:t>
                      </a:r>
                      <a:endParaRPr lang="fr-FR" sz="1800" dirty="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110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Service civique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10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Sponsoring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16200</a:t>
                      </a:r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Formations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21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Investissement Matériel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55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Achats Boutique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  865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Vente Boutique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1500</a:t>
                      </a:r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Achats Bar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80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Recettes Bar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14000</a:t>
                      </a:r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374463">
                <a:tc>
                  <a:txBody>
                    <a:bodyPr/>
                    <a:lstStyle/>
                    <a:p>
                      <a:r>
                        <a:rPr lang="fr-FR" sz="1800" dirty="0"/>
                        <a:t>Camp Eté (frais)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700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Camp Eté (recettes)</a:t>
                      </a:r>
                    </a:p>
                  </a:txBody>
                  <a:tcPr marL="91432" marR="91432" marT="45727" marB="45727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1200</a:t>
                      </a:r>
                    </a:p>
                  </a:txBody>
                  <a:tcPr marL="91432" marR="91432" marT="45727" marB="45727"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</a:tbl>
          </a:graphicData>
        </a:graphic>
      </p:graphicFrame>
    </p:spTree>
    <p:custDataLst>
      <p:tags r:id="rId1"/>
    </p:custDataLst>
  </p:cSld>
  <p:clrMapOvr>
    <a:masterClrMapping/>
  </p:clrMapOvr>
  <p:transition>
    <p:fade/>
  </p:transition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C1BCFE34-E213-7917-824F-F9B761F335C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500" y="2159000"/>
            <a:ext cx="3571875" cy="346075"/>
          </a:xfrm>
        </p:spPr>
        <p:txBody>
          <a:bodyPr rtlCol="0">
            <a:normAutofit/>
          </a:bodyPr>
          <a:lstStyle/>
          <a:p>
            <a:pPr fontAlgn="auto">
              <a:defRPr/>
            </a:pPr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32771" name="Picture 10" descr="Logo&#10;&#10;Description automatically generated">
            <a:extLst>
              <a:ext uri="{FF2B5EF4-FFF2-40B4-BE49-F238E27FC236}">
                <a16:creationId xmlns:a16="http://schemas.microsoft.com/office/drawing/2014/main" id="{393214DF-49EB-D3B3-971A-B869835A95F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6400" y="0"/>
            <a:ext cx="2895600" cy="1581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4" name="Tableau 3">
            <a:extLst>
              <a:ext uri="{FF2B5EF4-FFF2-40B4-BE49-F238E27FC236}">
                <a16:creationId xmlns:a16="http://schemas.microsoft.com/office/drawing/2014/main" id="{A6903E21-5EF4-AC2A-5097-84F2C4DE1CF7}"/>
              </a:ext>
            </a:extLst>
          </p:cNvPr>
          <p:cNvGraphicFramePr>
            <a:graphicFrameLocks noGrp="1"/>
          </p:cNvGraphicFramePr>
          <p:nvPr/>
        </p:nvGraphicFramePr>
        <p:xfrm>
          <a:off x="2162175" y="1620838"/>
          <a:ext cx="8128000" cy="329247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5801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0598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904309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159691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65831">
                <a:tc>
                  <a:txBody>
                    <a:bodyPr/>
                    <a:lstStyle/>
                    <a:p>
                      <a:r>
                        <a:rPr lang="fr-FR" sz="1800" dirty="0"/>
                        <a:t>Charges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Produits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T="45729" marB="45729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65831">
                <a:tc>
                  <a:txBody>
                    <a:bodyPr/>
                    <a:lstStyle/>
                    <a:p>
                      <a:r>
                        <a:rPr lang="fr-FR" sz="1800" dirty="0"/>
                        <a:t>Soirées organisées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3300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Soirées+ Tombola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5500</a:t>
                      </a:r>
                    </a:p>
                  </a:txBody>
                  <a:tcPr marT="45729" marB="45729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65831">
                <a:tc>
                  <a:txBody>
                    <a:bodyPr/>
                    <a:lstStyle/>
                    <a:p>
                      <a:r>
                        <a:rPr lang="fr-FR" sz="1800" dirty="0"/>
                        <a:t>Frais AG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700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29" marB="45729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5831">
                <a:tc>
                  <a:txBody>
                    <a:bodyPr/>
                    <a:lstStyle/>
                    <a:p>
                      <a:r>
                        <a:rPr lang="fr-FR" sz="1800" dirty="0"/>
                        <a:t>Assurance Club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300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Tournoi excédent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baseline="0" dirty="0"/>
                        <a:t>  </a:t>
                      </a:r>
                      <a:r>
                        <a:rPr lang="fr-FR" sz="1800" dirty="0"/>
                        <a:t>5000</a:t>
                      </a:r>
                    </a:p>
                  </a:txBody>
                  <a:tcPr marT="45729" marB="45729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5831">
                <a:tc>
                  <a:txBody>
                    <a:bodyPr/>
                    <a:lstStyle/>
                    <a:p>
                      <a:r>
                        <a:rPr lang="fr-FR" sz="1800" dirty="0"/>
                        <a:t>Frais Fonctionnement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1500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endParaRPr lang="fr-FR" sz="1800"/>
                    </a:p>
                  </a:txBody>
                  <a:tcPr marT="45729" marB="45729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5831">
                <a:tc>
                  <a:txBody>
                    <a:bodyPr/>
                    <a:lstStyle/>
                    <a:p>
                      <a:r>
                        <a:rPr lang="fr-FR" sz="1800" dirty="0"/>
                        <a:t>Frais réception seniors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850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Produits Financiers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  700</a:t>
                      </a:r>
                    </a:p>
                  </a:txBody>
                  <a:tcPr marT="45729" marB="45729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65831">
                <a:tc>
                  <a:txBody>
                    <a:bodyPr/>
                    <a:lstStyle/>
                    <a:p>
                      <a:r>
                        <a:rPr lang="fr-FR" sz="1800" dirty="0"/>
                        <a:t>Travaux d’aménagement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5000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Provision pour Travaux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  5000</a:t>
                      </a:r>
                    </a:p>
                  </a:txBody>
                  <a:tcPr marT="45729" marB="45729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5831">
                <a:tc>
                  <a:txBody>
                    <a:bodyPr/>
                    <a:lstStyle/>
                    <a:p>
                      <a:r>
                        <a:rPr lang="fr-FR" sz="1800" dirty="0"/>
                        <a:t>Totaux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96300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Totaux</a:t>
                      </a: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r>
                        <a:rPr lang="fr-FR" sz="1800" dirty="0"/>
                        <a:t>96300</a:t>
                      </a:r>
                    </a:p>
                  </a:txBody>
                  <a:tcPr marT="45729" marB="45729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65831"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endParaRPr lang="fr-FR" sz="1800" dirty="0">
                        <a:solidFill>
                          <a:srgbClr val="FF0000"/>
                        </a:solidFill>
                      </a:endParaRPr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T="45729" marB="45729"/>
                </a:tc>
                <a:tc>
                  <a:txBody>
                    <a:bodyPr/>
                    <a:lstStyle/>
                    <a:p>
                      <a:endParaRPr lang="fr-FR" sz="1800" dirty="0"/>
                    </a:p>
                  </a:txBody>
                  <a:tcPr marT="45729" marB="45729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  <p:sp>
        <p:nvSpPr>
          <p:cNvPr id="32824" name="ZoneTexte 4">
            <a:extLst>
              <a:ext uri="{FF2B5EF4-FFF2-40B4-BE49-F238E27FC236}">
                <a16:creationId xmlns:a16="http://schemas.microsoft.com/office/drawing/2014/main" id="{9D1FDE77-F514-D91B-CA50-7EC973982C3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161788" y="1076242"/>
            <a:ext cx="3201173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fr-FR" altLang="en-US" dirty="0">
                <a:solidFill>
                  <a:srgbClr val="0070C0"/>
                </a:solidFill>
              </a:rPr>
              <a:t>B - Budget 2023-2024 ( suite )</a:t>
            </a:r>
          </a:p>
          <a:p>
            <a:endParaRPr lang="fr-FR" altLang="en-US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18521581-69E7-837F-B7A1-FE382B283C7E}"/>
              </a:ext>
            </a:extLst>
          </p:cNvPr>
          <p:cNvSpPr txBox="1"/>
          <p:nvPr/>
        </p:nvSpPr>
        <p:spPr>
          <a:xfrm>
            <a:off x="4008865" y="5781758"/>
            <a:ext cx="31314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FF0000"/>
                </a:solidFill>
              </a:rPr>
              <a:t>RECHERCHE DE BENEVOLES !!!</a:t>
            </a:r>
            <a:endParaRPr lang="en-US" b="1" dirty="0">
              <a:solidFill>
                <a:srgbClr val="FF0000"/>
              </a:solidFill>
            </a:endParaRPr>
          </a:p>
        </p:txBody>
      </p:sp>
    </p:spTree>
    <p:custDataLst>
      <p:tags r:id="rId1"/>
    </p:custData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ZoneTexte 4">
            <a:extLst>
              <a:ext uri="{FF2B5EF4-FFF2-40B4-BE49-F238E27FC236}">
                <a16:creationId xmlns:a16="http://schemas.microsoft.com/office/drawing/2014/main" id="{9254C688-FB5D-441B-8E7E-34643960819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552154" y="0"/>
            <a:ext cx="6020180" cy="17543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5400" b="1" dirty="0">
                <a:solidFill>
                  <a:srgbClr val="FF0000"/>
                </a:solidFill>
              </a:rPr>
              <a:t>A - LA FORMATION  </a:t>
            </a:r>
          </a:p>
          <a:p>
            <a:pPr eaLnBrk="1" hangingPunct="1"/>
            <a:r>
              <a:rPr lang="fr-FR" altLang="en-US" sz="5400" b="1" dirty="0">
                <a:solidFill>
                  <a:srgbClr val="FF0000"/>
                </a:solidFill>
              </a:rPr>
              <a:t>      ( Pôle sportif )  </a:t>
            </a:r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417825A-DEA8-4315-9DBF-A3AE61272E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883987"/>
            <a:ext cx="12192000" cy="43781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74743202"/>
      </p:ext>
    </p:extLst>
  </p:cSld>
  <p:clrMapOvr>
    <a:masterClrMapping/>
  </p:clrMapOvr>
  <p:transition>
    <p:fade/>
  </p:transition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333955" y="5809352"/>
            <a:ext cx="7530254" cy="615141"/>
          </a:xfrm>
        </p:spPr>
        <p:txBody>
          <a:bodyPr>
            <a:normAutofit/>
          </a:bodyPr>
          <a:lstStyle/>
          <a:p>
            <a:r>
              <a:rPr lang="fr-FR" sz="1800" dirty="0"/>
              <a:t>=&gt; </a:t>
            </a:r>
            <a:r>
              <a:rPr lang="fr-FR" sz="1800" b="1" dirty="0"/>
              <a:t>Remerciement à Marie, Stéphane, Seb et Guy pour leur investissement. </a:t>
            </a:r>
          </a:p>
        </p:txBody>
      </p:sp>
      <p:pic>
        <p:nvPicPr>
          <p:cNvPr id="9" name="Image 8"/>
          <p:cNvPicPr>
            <a:picLocks noChangeAspect="1"/>
          </p:cNvPicPr>
          <p:nvPr/>
        </p:nvPicPr>
        <p:blipFill rotWithShape="1">
          <a:blip r:embed="rId2"/>
          <a:srcRect l="3973" t="3451" r="4440" b="48310"/>
          <a:stretch/>
        </p:blipFill>
        <p:spPr>
          <a:xfrm>
            <a:off x="1624013" y="568804"/>
            <a:ext cx="6819900" cy="2695429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3C68AA75-218E-4AC1-8DDA-73BA24269A79}"/>
              </a:ext>
            </a:extLst>
          </p:cNvPr>
          <p:cNvSpPr txBox="1"/>
          <p:nvPr/>
        </p:nvSpPr>
        <p:spPr>
          <a:xfrm>
            <a:off x="552450" y="3362517"/>
            <a:ext cx="11515723" cy="24622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l" rtl="0" eaLnBrk="1" fontAlgn="b" latinLnBrk="0" hangingPunct="1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Þ"/>
            </a:pPr>
            <a:r>
              <a:rPr lang="fr-FR" sz="1800" b="0" i="0" u="none" strike="noStrike" kern="1200" dirty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41 partenaires </a:t>
            </a:r>
          </a:p>
          <a:p>
            <a:pPr marL="285750" indent="-285750" algn="l" rtl="0" eaLnBrk="1" fontAlgn="b" latinLnBrk="0" hangingPunct="1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Þ"/>
            </a:pPr>
            <a:r>
              <a:rPr lang="fr-FR" dirty="0">
                <a:solidFill>
                  <a:srgbClr val="000000"/>
                </a:solidFill>
                <a:latin typeface="Calibri" panose="020F0502020204030204" pitchFamily="34" charset="0"/>
              </a:rPr>
              <a:t>Budget partenaires : 20064 € </a:t>
            </a:r>
          </a:p>
          <a:p>
            <a:pPr lvl="1" fontAlgn="b"/>
            <a:r>
              <a:rPr lang="fr-FR" dirty="0">
                <a:solidFill>
                  <a:srgbClr val="000000"/>
                </a:solidFill>
                <a:latin typeface="Calibri" panose="020F0502020204030204" pitchFamily="34" charset="0"/>
              </a:rPr>
              <a:t>	. 17164 € en numéraire </a:t>
            </a:r>
          </a:p>
          <a:p>
            <a:pPr algn="l" rtl="0" eaLnBrk="1" fontAlgn="b" latinLnBrk="0" hangingPunct="1">
              <a:spcBef>
                <a:spcPts val="0"/>
              </a:spcBef>
              <a:spcAft>
                <a:spcPts val="0"/>
              </a:spcAft>
            </a:pPr>
            <a:r>
              <a:rPr lang="fr-FR" dirty="0">
                <a:solidFill>
                  <a:srgbClr val="000000"/>
                </a:solidFill>
                <a:latin typeface="Calibri" panose="020F0502020204030204" pitchFamily="34" charset="0"/>
              </a:rPr>
              <a:t>	. 2900 en dotation </a:t>
            </a:r>
            <a:endParaRPr lang="en-US" sz="1800" b="0" i="0" u="none" strike="noStrike" dirty="0">
              <a:effectLst/>
              <a:latin typeface="Arial" panose="020B0604020202020204" pitchFamily="34" charset="0"/>
            </a:endParaRPr>
          </a:p>
          <a:p>
            <a:pPr marL="0" algn="l" rtl="0" eaLnBrk="1" fontAlgn="b" latinLnBrk="0" hangingPunct="1">
              <a:spcBef>
                <a:spcPts val="0"/>
              </a:spcBef>
              <a:spcAft>
                <a:spcPts val="0"/>
              </a:spcAft>
            </a:pPr>
            <a:r>
              <a:rPr lang="fr-FR" sz="1800" b="0" i="0" u="none" strike="noStrike" kern="1200" dirty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     </a:t>
            </a:r>
            <a:r>
              <a:rPr lang="fr-FR" sz="1800" b="1" i="0" u="none" strike="noStrike" kern="1200" dirty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Nous les remercions fortement pour leur soutien qui participe à l’assise financière du club et à son développement.</a:t>
            </a:r>
          </a:p>
          <a:p>
            <a:pPr marL="0" algn="l" rtl="0" eaLnBrk="1" fontAlgn="b" latinLnBrk="0" hangingPunct="1">
              <a:spcBef>
                <a:spcPts val="0"/>
              </a:spcBef>
              <a:spcAft>
                <a:spcPts val="0"/>
              </a:spcAft>
            </a:pPr>
            <a:endParaRPr lang="en-US" sz="1800" b="0" i="0" u="none" strike="noStrike" dirty="0">
              <a:effectLst/>
              <a:latin typeface="Arial" panose="020B0604020202020204" pitchFamily="34" charset="0"/>
            </a:endParaRPr>
          </a:p>
          <a:p>
            <a:pPr fontAlgn="b"/>
            <a:r>
              <a:rPr lang="fr-FR" dirty="0">
                <a:solidFill>
                  <a:srgbClr val="000000"/>
                </a:solidFill>
                <a:latin typeface="Calibri" panose="020F0502020204030204" pitchFamily="34" charset="0"/>
              </a:rPr>
              <a:t>=&gt; LA nouveauté </a:t>
            </a:r>
            <a:r>
              <a:rPr lang="fr-FR" sz="1800" b="0" i="0" u="none" strike="noStrike" kern="1200" dirty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2023, </a:t>
            </a:r>
            <a:r>
              <a:rPr lang="fr-FR" dirty="0">
                <a:solidFill>
                  <a:srgbClr val="000000"/>
                </a:solidFill>
                <a:latin typeface="Calibri" panose="020F0502020204030204" pitchFamily="34" charset="0"/>
              </a:rPr>
              <a:t>le </a:t>
            </a:r>
            <a:r>
              <a:rPr lang="fr-FR" dirty="0" err="1">
                <a:solidFill>
                  <a:srgbClr val="000000"/>
                </a:solidFill>
                <a:latin typeface="Calibri" panose="020F0502020204030204" pitchFamily="34" charset="0"/>
              </a:rPr>
              <a:t>Naming</a:t>
            </a:r>
            <a:r>
              <a:rPr lang="fr-FR" dirty="0">
                <a:solidFill>
                  <a:srgbClr val="000000"/>
                </a:solidFill>
                <a:latin typeface="Calibri" panose="020F0502020204030204" pitchFamily="34" charset="0"/>
              </a:rPr>
              <a:t> COMEC : </a:t>
            </a:r>
            <a:endParaRPr lang="en-US" sz="2800" b="0" i="0" u="none" strike="noStrike" dirty="0">
              <a:effectLst/>
              <a:latin typeface="Arial" panose="020B0604020202020204" pitchFamily="34" charset="0"/>
            </a:endParaRPr>
          </a:p>
          <a:p>
            <a:pPr marL="0" algn="l" rtl="0" eaLnBrk="1" fontAlgn="ctr" latinLnBrk="0" hangingPunct="1">
              <a:spcBef>
                <a:spcPts val="0"/>
              </a:spcBef>
              <a:spcAft>
                <a:spcPts val="0"/>
              </a:spcAft>
            </a:pPr>
            <a:r>
              <a:rPr lang="fr-FR" sz="2800" b="0" i="0" u="none" strike="noStrike" kern="1200" dirty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      				</a:t>
            </a:r>
            <a:endParaRPr lang="en-US" sz="2800" b="0" i="0" u="none" strike="noStrike" dirty="0">
              <a:effectLst/>
              <a:latin typeface="Arial" panose="020B0604020202020204" pitchFamily="34" charset="0"/>
            </a:endParaRPr>
          </a:p>
        </p:txBody>
      </p:sp>
      <p:pic>
        <p:nvPicPr>
          <p:cNvPr id="6" name="Picture 5" descr="Logo&#10;&#10;Description automatically generated">
            <a:extLst>
              <a:ext uri="{FF2B5EF4-FFF2-40B4-BE49-F238E27FC236}">
                <a16:creationId xmlns:a16="http://schemas.microsoft.com/office/drawing/2014/main" id="{85FCA272-7AAF-4066-91DB-059C8D2267A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3D2F43DA-6253-467A-8627-02F7EC744FA7}"/>
              </a:ext>
            </a:extLst>
          </p:cNvPr>
          <p:cNvSpPr txBox="1"/>
          <p:nvPr/>
        </p:nvSpPr>
        <p:spPr>
          <a:xfrm>
            <a:off x="114313" y="-77720"/>
            <a:ext cx="323571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u="sng" dirty="0"/>
              <a:t>C - PARTENAIRES </a:t>
            </a:r>
            <a:endParaRPr lang="en-US" sz="24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F067904-7CB8-4905-A4DA-698D5803F698}"/>
              </a:ext>
            </a:extLst>
          </p:cNvPr>
          <p:cNvSpPr txBox="1"/>
          <p:nvPr/>
        </p:nvSpPr>
        <p:spPr>
          <a:xfrm>
            <a:off x="552450" y="6242805"/>
            <a:ext cx="1065310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/>
              <a:t>=&gt; Arrêt de Marie et Guy =&gt; </a:t>
            </a:r>
            <a:r>
              <a:rPr lang="fr-FR" sz="2800" b="1" dirty="0">
                <a:solidFill>
                  <a:srgbClr val="FF0000"/>
                </a:solidFill>
              </a:rPr>
              <a:t>RECHERCHE de 2 voire 3 BENEVOLES !!!</a:t>
            </a:r>
            <a:endParaRPr lang="en-US" sz="2800" b="1" dirty="0">
              <a:solidFill>
                <a:srgbClr val="FF0000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B2379DF-4588-A8B5-0912-B59D09225C9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08251" y="4931462"/>
            <a:ext cx="1934484" cy="767194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C92BB271-CF7D-3C26-D7BF-375E3D8E0B9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180369" y="1916519"/>
            <a:ext cx="2201155" cy="2292237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5F9B6DD-E613-88FB-ED28-BCEF6377934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738182" y="1112681"/>
            <a:ext cx="587328" cy="468469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FC79B6A1-DECF-E850-9D39-366A2D26730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738182" y="636469"/>
            <a:ext cx="587328" cy="476212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4A2E3B85-7C57-A511-D208-F2633144E6D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310311" y="1112681"/>
            <a:ext cx="628793" cy="5152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58823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2" grpId="0"/>
      <p:bldP spid="4" grpId="0"/>
    </p:bldLst>
  </p:timing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ZoneTexte 4">
            <a:extLst>
              <a:ext uri="{FF2B5EF4-FFF2-40B4-BE49-F238E27FC236}">
                <a16:creationId xmlns:a16="http://schemas.microsoft.com/office/drawing/2014/main" id="{9254C688-FB5D-441B-8E7E-34643960819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371601" y="361771"/>
            <a:ext cx="7067550" cy="12003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/>
            <a:r>
              <a:rPr lang="fr-FR" altLang="en-US" sz="5400" b="1" dirty="0">
                <a:solidFill>
                  <a:srgbClr val="FF0000"/>
                </a:solidFill>
              </a:rPr>
              <a:t>VOTE BILAN FINANCIER</a:t>
            </a:r>
            <a:r>
              <a:rPr lang="fr-FR" altLang="en-US" dirty="0">
                <a:solidFill>
                  <a:srgbClr val="000000"/>
                </a:solidFill>
              </a:rPr>
              <a:t>	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417825A-DEA8-4315-9DBF-A3AE61272E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883987"/>
            <a:ext cx="12192000" cy="43781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33929282"/>
      </p:ext>
    </p:extLst>
  </p:cSld>
  <p:clrMapOvr>
    <a:masterClrMapping/>
  </p:clrMapOvr>
  <p:transition>
    <p:fade/>
  </p:transition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C1BCFE34-E213-7917-824F-F9B761F335C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500" y="2159000"/>
            <a:ext cx="3571875" cy="346075"/>
          </a:xfrm>
        </p:spPr>
        <p:txBody>
          <a:bodyPr rtlCol="0">
            <a:normAutofit/>
          </a:bodyPr>
          <a:lstStyle/>
          <a:p>
            <a:pPr fontAlgn="auto">
              <a:defRPr/>
            </a:pPr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32771" name="Picture 10" descr="Logo&#10;&#10;Description automatically generated">
            <a:extLst>
              <a:ext uri="{FF2B5EF4-FFF2-40B4-BE49-F238E27FC236}">
                <a16:creationId xmlns:a16="http://schemas.microsoft.com/office/drawing/2014/main" id="{393214DF-49EB-D3B3-971A-B869835A95F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6400" y="0"/>
            <a:ext cx="2895600" cy="1581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0A3B2F1-785F-B3F0-8036-BC04CB7E9DD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500" y="1089191"/>
            <a:ext cx="8684619" cy="467961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8A8448E-48A7-C494-26D8-057D85CDBD76}"/>
              </a:ext>
            </a:extLst>
          </p:cNvPr>
          <p:cNvSpPr txBox="1"/>
          <p:nvPr/>
        </p:nvSpPr>
        <p:spPr>
          <a:xfrm>
            <a:off x="9296400" y="5069840"/>
            <a:ext cx="199136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FF0000"/>
                </a:solidFill>
              </a:rPr>
              <a:t>HUGO MORILLON</a:t>
            </a:r>
            <a:endParaRPr lang="en-US" b="1" dirty="0">
              <a:solidFill>
                <a:srgbClr val="FF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8759579"/>
      </p:ext>
    </p:extLst>
  </p:cSld>
  <p:clrMapOvr>
    <a:masterClrMapping/>
  </p:clrMapOvr>
  <p:transition>
    <p:fade/>
  </p:transition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EE5E4593-4918-483A-B341-A4FD560EA65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38100"/>
            <a:ext cx="2895600" cy="158115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E1A1331-046D-6AFC-1A50-F3FFC66F1482}"/>
              </a:ext>
            </a:extLst>
          </p:cNvPr>
          <p:cNvSpPr txBox="1"/>
          <p:nvPr/>
        </p:nvSpPr>
        <p:spPr>
          <a:xfrm>
            <a:off x="1943578" y="2709199"/>
            <a:ext cx="2232181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endParaRPr lang="fr-FR" sz="2800" b="1" dirty="0"/>
          </a:p>
          <a:p>
            <a:pPr lvl="0"/>
            <a:r>
              <a:rPr lang="fr-FR" sz="2800" b="1" dirty="0"/>
              <a:t>  </a:t>
            </a:r>
            <a:endParaRPr lang="en-US" sz="2800" b="1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BF7AA44-07AA-1425-9BF9-DAA52A1E2BA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08840" y="975827"/>
            <a:ext cx="8128751" cy="2087112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3993CFF2-636C-6418-0964-643E9721B649}"/>
              </a:ext>
            </a:extLst>
          </p:cNvPr>
          <p:cNvSpPr txBox="1"/>
          <p:nvPr/>
        </p:nvSpPr>
        <p:spPr>
          <a:xfrm>
            <a:off x="4373216" y="209169"/>
            <a:ext cx="1558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INTENDANCE</a:t>
            </a:r>
            <a:r>
              <a:rPr lang="fr-FR" dirty="0"/>
              <a:t> </a:t>
            </a:r>
            <a:endParaRPr lang="en-US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106F0899-09E8-54E4-BDBF-124C6EEACA7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26710" y="3106525"/>
            <a:ext cx="2660792" cy="3542306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003005B0-FB41-43AE-9089-C2EEC91004B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54646" y="3106525"/>
            <a:ext cx="2628162" cy="3542306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A5BDF11E-273F-07F2-D170-50E7FC4ACDA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789076" y="3439626"/>
            <a:ext cx="2045616" cy="2839873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7C16269F-CD72-C733-EB63-10EC0949AEB4}"/>
              </a:ext>
            </a:extLst>
          </p:cNvPr>
          <p:cNvSpPr txBox="1"/>
          <p:nvPr/>
        </p:nvSpPr>
        <p:spPr>
          <a:xfrm>
            <a:off x="9940151" y="6279499"/>
            <a:ext cx="20456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VESTIAIRE 3 et 4 </a:t>
            </a:r>
            <a:endParaRPr lang="en-US" dirty="0"/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A4DAD666-AE27-E3B4-6F2B-B294C03115A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 rot="10800000">
            <a:off x="6827787" y="3964823"/>
            <a:ext cx="2421004" cy="1603944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6AB6FBA1-A840-3CA9-6109-4562F77D296B}"/>
              </a:ext>
            </a:extLst>
          </p:cNvPr>
          <p:cNvSpPr txBox="1"/>
          <p:nvPr/>
        </p:nvSpPr>
        <p:spPr>
          <a:xfrm>
            <a:off x="8913412" y="2019383"/>
            <a:ext cx="28956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>
                <a:solidFill>
                  <a:srgbClr val="FF0000"/>
                </a:solidFill>
              </a:rPr>
              <a:t>RECHERCHE DE BENEVOLES</a:t>
            </a:r>
            <a:endParaRPr lang="en-US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6330339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/>
      <p:bldP spid="21" grpId="0"/>
    </p:bldLst>
  </p:timing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EE5E4593-4918-483A-B341-A4FD560EA65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38100"/>
            <a:ext cx="2895600" cy="158115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2D48CE7F-A4E7-46B7-A699-B27216AA962E}"/>
              </a:ext>
            </a:extLst>
          </p:cNvPr>
          <p:cNvSpPr txBox="1"/>
          <p:nvPr/>
        </p:nvSpPr>
        <p:spPr>
          <a:xfrm>
            <a:off x="1735833" y="2844225"/>
            <a:ext cx="8512589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dirty="0"/>
              <a:t>④ – </a:t>
            </a:r>
            <a:r>
              <a:rPr lang="fr-FR" sz="3200" b="1" u="sng" dirty="0"/>
              <a:t>REMERCIEMENTS ET RECOMPENSES </a:t>
            </a:r>
            <a:r>
              <a:rPr lang="fr-FR" sz="3200" b="1" dirty="0"/>
              <a:t>   </a:t>
            </a:r>
            <a:endParaRPr lang="en-US" sz="3200" b="1" dirty="0"/>
          </a:p>
        </p:txBody>
      </p:sp>
    </p:spTree>
    <p:extLst>
      <p:ext uri="{BB962C8B-B14F-4D97-AF65-F5344CB8AC3E}">
        <p14:creationId xmlns:p14="http://schemas.microsoft.com/office/powerpoint/2010/main" val="994504723"/>
      </p:ext>
    </p:extLst>
  </p:cSld>
  <p:clrMapOvr>
    <a:masterClrMapping/>
  </p:clrMapOvr>
  <p:transition spd="slow"/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EE5E4593-4918-483A-B341-A4FD560EA65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88056" y="-8453"/>
            <a:ext cx="2332080" cy="1273438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2D48CE7F-A4E7-46B7-A699-B27216AA962E}"/>
              </a:ext>
            </a:extLst>
          </p:cNvPr>
          <p:cNvSpPr txBox="1"/>
          <p:nvPr/>
        </p:nvSpPr>
        <p:spPr>
          <a:xfrm>
            <a:off x="71864" y="177760"/>
            <a:ext cx="4078717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2800" b="1" dirty="0"/>
              <a:t>③ – </a:t>
            </a:r>
            <a:r>
              <a:rPr lang="fr-FR" sz="2800" b="1" u="sng" dirty="0"/>
              <a:t>POUR NOS JEUNES </a:t>
            </a:r>
            <a:r>
              <a:rPr lang="fr-FR" sz="2800" b="1" dirty="0"/>
              <a:t>:   </a:t>
            </a:r>
            <a:endParaRPr lang="en-US" sz="2800" b="1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C86BE21-C42C-6DC0-3B5C-EB024FDB4DEC}"/>
              </a:ext>
            </a:extLst>
          </p:cNvPr>
          <p:cNvSpPr txBox="1"/>
          <p:nvPr/>
        </p:nvSpPr>
        <p:spPr>
          <a:xfrm>
            <a:off x="4657548" y="3576388"/>
            <a:ext cx="104443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40€</a:t>
            </a:r>
            <a:endParaRPr lang="en-US" sz="4000" b="1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FDD6373-DDBA-FD6B-CF62-5F7F1A98B819}"/>
              </a:ext>
            </a:extLst>
          </p:cNvPr>
          <p:cNvSpPr txBox="1"/>
          <p:nvPr/>
        </p:nvSpPr>
        <p:spPr>
          <a:xfrm>
            <a:off x="6151659" y="5449635"/>
            <a:ext cx="567713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&lt; - - - - - - - 25€ - - - - - - - &gt;</a:t>
            </a:r>
            <a:endParaRPr lang="en-US" sz="4000" b="1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A9589683-DACB-F4FA-3B42-E70886F79AC2}"/>
              </a:ext>
            </a:extLst>
          </p:cNvPr>
          <p:cNvSpPr txBox="1"/>
          <p:nvPr/>
        </p:nvSpPr>
        <p:spPr>
          <a:xfrm>
            <a:off x="6151659" y="3588504"/>
            <a:ext cx="567713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>
                <a:sym typeface="Wingdings" panose="05000000000000000000" pitchFamily="2" charset="2"/>
              </a:rPr>
              <a:t>&lt; - - - - - - - </a:t>
            </a:r>
            <a:r>
              <a:rPr lang="fr-FR" sz="4000" b="1" dirty="0"/>
              <a:t>30€ - - - - -</a:t>
            </a:r>
            <a:r>
              <a:rPr lang="fr-FR" sz="4000" b="1" dirty="0">
                <a:sym typeface="Wingdings" panose="05000000000000000000" pitchFamily="2" charset="2"/>
              </a:rPr>
              <a:t> - - &gt;</a:t>
            </a:r>
            <a:endParaRPr lang="en-US" sz="4000" b="1" dirty="0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69C2DAD-C4F6-7B55-BD02-D25A6C395A57}"/>
              </a:ext>
            </a:extLst>
          </p:cNvPr>
          <p:cNvSpPr txBox="1"/>
          <p:nvPr/>
        </p:nvSpPr>
        <p:spPr>
          <a:xfrm>
            <a:off x="4657548" y="5415355"/>
            <a:ext cx="104443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25€</a:t>
            </a:r>
            <a:endParaRPr lang="en-US" sz="4000" b="1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2C24100-23E8-37BD-7BDA-600FA659A38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7525" y="3027466"/>
            <a:ext cx="1506144" cy="1637877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13964C67-5A0C-255D-643B-E652676EE75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8421" y="4760628"/>
            <a:ext cx="1184352" cy="2016516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E7A0364A-0768-DABC-3D11-98843446F5D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14115" y="1302215"/>
            <a:ext cx="2456984" cy="1143092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9FAA42C7-B70E-769B-4D82-66568B98AD1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60035" y="1302215"/>
            <a:ext cx="1871598" cy="1143092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53E08A08-6229-FF47-8B72-A5617C575F8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931404" y="1308730"/>
            <a:ext cx="1997151" cy="1143091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2D9C5830-C077-74C9-8FE0-6FF1EF604CD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928555" y="1324857"/>
            <a:ext cx="1997152" cy="1126964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A134B634-721B-3675-0868-CA14F03EBC97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921983" y="1317907"/>
            <a:ext cx="2109606" cy="2267827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D44633F-767E-5421-D264-0FABD2018EB6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7924831" y="2558998"/>
            <a:ext cx="1997152" cy="526107"/>
          </a:xfrm>
          <a:prstGeom prst="rect">
            <a:avLst/>
          </a:prstGeom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65385618-F819-8CDA-C782-04A68DE2E365}"/>
              </a:ext>
            </a:extLst>
          </p:cNvPr>
          <p:cNvSpPr txBox="1"/>
          <p:nvPr/>
        </p:nvSpPr>
        <p:spPr>
          <a:xfrm>
            <a:off x="2320387" y="3588504"/>
            <a:ext cx="104443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50€</a:t>
            </a:r>
            <a:endParaRPr lang="en-US" sz="4000" b="1" dirty="0"/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A963081B-4FA3-9587-6055-7B95720A8793}"/>
              </a:ext>
            </a:extLst>
          </p:cNvPr>
          <p:cNvSpPr txBox="1"/>
          <p:nvPr/>
        </p:nvSpPr>
        <p:spPr>
          <a:xfrm>
            <a:off x="2320388" y="5414943"/>
            <a:ext cx="104443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25€</a:t>
            </a:r>
            <a:endParaRPr lang="en-US" sz="4000" b="1" dirty="0"/>
          </a:p>
        </p:txBody>
      </p:sp>
    </p:spTree>
    <p:extLst>
      <p:ext uri="{BB962C8B-B14F-4D97-AF65-F5344CB8AC3E}">
        <p14:creationId xmlns:p14="http://schemas.microsoft.com/office/powerpoint/2010/main" val="2367574567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4" grpId="0"/>
      <p:bldP spid="17" grpId="0"/>
      <p:bldP spid="18" grpId="0"/>
      <p:bldP spid="29" grpId="0"/>
      <p:bldP spid="31" grpId="0"/>
    </p:bldLst>
  </p:timing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EE5E4593-4918-483A-B341-A4FD560EA65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25392" y="7448"/>
            <a:ext cx="2794744" cy="1526077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2D48CE7F-A4E7-46B7-A699-B27216AA962E}"/>
              </a:ext>
            </a:extLst>
          </p:cNvPr>
          <p:cNvSpPr txBox="1"/>
          <p:nvPr/>
        </p:nvSpPr>
        <p:spPr>
          <a:xfrm>
            <a:off x="33940" y="145360"/>
            <a:ext cx="4132543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2800" b="1" dirty="0"/>
              <a:t>③ – </a:t>
            </a:r>
            <a:r>
              <a:rPr lang="fr-FR" sz="2800" b="1" u="sng" dirty="0"/>
              <a:t>POUR LES SENIORS  </a:t>
            </a:r>
            <a:r>
              <a:rPr lang="fr-FR" sz="2800" b="1" dirty="0"/>
              <a:t>:   </a:t>
            </a:r>
            <a:endParaRPr lang="en-US" sz="2800" b="1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A4F2C91-9EA5-0A98-DD3B-96BE88CAD91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48728" y="1240350"/>
            <a:ext cx="2857899" cy="504895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DC4A585B-7428-97BA-A6FC-04C7395F34D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39488" y="2242792"/>
            <a:ext cx="2838846" cy="466790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D450581B-FDD2-83EC-D5F8-EB045EB19BA9}"/>
              </a:ext>
            </a:extLst>
          </p:cNvPr>
          <p:cNvSpPr txBox="1"/>
          <p:nvPr/>
        </p:nvSpPr>
        <p:spPr>
          <a:xfrm rot="5400000">
            <a:off x="6620151" y="1809352"/>
            <a:ext cx="4775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=&gt;</a:t>
            </a:r>
            <a:endParaRPr lang="en-US" dirty="0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CD2FD3A6-8B67-D9BB-E442-88CC31A6B854}"/>
              </a:ext>
            </a:extLst>
          </p:cNvPr>
          <p:cNvSpPr txBox="1"/>
          <p:nvPr/>
        </p:nvSpPr>
        <p:spPr>
          <a:xfrm rot="5400000">
            <a:off x="6620151" y="2888760"/>
            <a:ext cx="4775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=&gt;</a:t>
            </a:r>
            <a:endParaRPr lang="en-US" dirty="0"/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ECA814BF-6C93-F62C-6BB8-FDDD6DEC1A0B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23680" y="3334804"/>
            <a:ext cx="2152950" cy="2419688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3AB4D64F-B380-29EE-D171-B7BA3123CDF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686077" y="3334804"/>
            <a:ext cx="2345668" cy="2419688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FA54E03D-4BAF-0091-91AF-A95BC046AED2}"/>
              </a:ext>
            </a:extLst>
          </p:cNvPr>
          <p:cNvSpPr txBox="1"/>
          <p:nvPr/>
        </p:nvSpPr>
        <p:spPr>
          <a:xfrm>
            <a:off x="8239978" y="4343931"/>
            <a:ext cx="4775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=&gt;</a:t>
            </a: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B3DDB4-A5EE-5494-439D-1CFD2ECA94C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2194" y="937694"/>
            <a:ext cx="2353003" cy="423921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4828B08-BB4C-CC0A-AF84-8361BC60112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2166" y="5223820"/>
            <a:ext cx="2362530" cy="896488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E29C9A20-4B6D-412E-8D0E-6D9F40FA3D24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685420" y="4509968"/>
            <a:ext cx="1661030" cy="2253744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25BA07B3-EAD8-41D9-865C-A54686C360A4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228229" y="5911006"/>
            <a:ext cx="572493" cy="754592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A80E5DAC-5817-E34B-ABCB-EB60829DE7FE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2538578" y="2678605"/>
            <a:ext cx="1926332" cy="1665326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A3F89756-FB46-A32D-6987-6B20E27CBEC8}"/>
              </a:ext>
            </a:extLst>
          </p:cNvPr>
          <p:cNvSpPr txBox="1"/>
          <p:nvPr/>
        </p:nvSpPr>
        <p:spPr>
          <a:xfrm>
            <a:off x="2446660" y="1745245"/>
            <a:ext cx="4775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=&gt;</a:t>
            </a:r>
            <a:endParaRPr lang="en-US" dirty="0"/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4DCECC4F-FC04-CCC5-F165-BABA0CCA332E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893389" y="995873"/>
            <a:ext cx="1216709" cy="16508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2505498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/>
      <p:bldP spid="21" grpId="0"/>
      <p:bldP spid="26" grpId="0"/>
      <p:bldP spid="24" grpId="0"/>
    </p:bldLst>
  </p:timing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EE5E4593-4918-483A-B341-A4FD560EA65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38100"/>
            <a:ext cx="2895600" cy="158115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2D48CE7F-A4E7-46B7-A699-B27216AA962E}"/>
              </a:ext>
            </a:extLst>
          </p:cNvPr>
          <p:cNvSpPr txBox="1"/>
          <p:nvPr/>
        </p:nvSpPr>
        <p:spPr>
          <a:xfrm>
            <a:off x="440911" y="234231"/>
            <a:ext cx="8742846" cy="107721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dirty="0"/>
              <a:t>③– </a:t>
            </a:r>
            <a:r>
              <a:rPr lang="fr-FR" sz="3200" b="1" u="sng" dirty="0"/>
              <a:t>MEDAILLE CDOS </a:t>
            </a:r>
          </a:p>
          <a:p>
            <a:pPr lvl="0"/>
            <a:r>
              <a:rPr lang="fr-FR" sz="3200" b="1" u="sng" dirty="0"/>
              <a:t>( Comité Départemental Olympique et Sportif 49 )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C068E57-0772-AD36-1012-7DC773582036}"/>
              </a:ext>
            </a:extLst>
          </p:cNvPr>
          <p:cNvSpPr txBox="1"/>
          <p:nvPr/>
        </p:nvSpPr>
        <p:spPr>
          <a:xfrm>
            <a:off x="695734" y="1884026"/>
            <a:ext cx="540026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dirty="0"/>
              <a:t> </a:t>
            </a:r>
            <a:r>
              <a:rPr lang="fr-FR" b="1" dirty="0"/>
              <a:t>CD49</a:t>
            </a:r>
            <a:r>
              <a:rPr lang="fr-FR" dirty="0"/>
              <a:t> : Secrétaire Général en 1982, Président de la </a:t>
            </a:r>
            <a:r>
              <a:rPr lang="fr-FR" b="1" dirty="0"/>
              <a:t>C.D.O </a:t>
            </a:r>
            <a:r>
              <a:rPr lang="fr-FR" dirty="0"/>
              <a:t>(Commission Départementale des Officiels), actuel Vice-Président, Trésorier adjoint… </a:t>
            </a:r>
            <a:endParaRPr lang="en-US" sz="1400" dirty="0"/>
          </a:p>
          <a:p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23E157E-0BD4-8BF1-227E-2D3E33D21C5C}"/>
              </a:ext>
            </a:extLst>
          </p:cNvPr>
          <p:cNvSpPr txBox="1"/>
          <p:nvPr/>
        </p:nvSpPr>
        <p:spPr>
          <a:xfrm>
            <a:off x="630629" y="3230040"/>
            <a:ext cx="54002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dirty="0"/>
              <a:t>  </a:t>
            </a:r>
            <a:r>
              <a:rPr lang="fr-FR" b="1" dirty="0"/>
              <a:t>Ligue des PDL </a:t>
            </a:r>
            <a:r>
              <a:rPr lang="fr-FR" dirty="0"/>
              <a:t>: Président de la Commission  </a:t>
            </a:r>
          </a:p>
          <a:p>
            <a:r>
              <a:rPr lang="fr-FR" dirty="0"/>
              <a:t>        Technique Régionale en 1983 =&gt; 20 ans  </a:t>
            </a:r>
            <a:endParaRPr lang="en-US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5EB4625-24FE-95A3-196B-D8193D1182D9}"/>
              </a:ext>
            </a:extLst>
          </p:cNvPr>
          <p:cNvSpPr txBox="1"/>
          <p:nvPr/>
        </p:nvSpPr>
        <p:spPr>
          <a:xfrm>
            <a:off x="630629" y="4020857"/>
            <a:ext cx="4997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 =&gt; Médaillé d’Or de la FFBB en 1994 </a:t>
            </a:r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BFFA2B6-BD9D-262A-64FB-DFCFA06C9E60}"/>
              </a:ext>
            </a:extLst>
          </p:cNvPr>
          <p:cNvSpPr txBox="1"/>
          <p:nvPr/>
        </p:nvSpPr>
        <p:spPr>
          <a:xfrm>
            <a:off x="630629" y="4679161"/>
            <a:ext cx="525333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fr-FR" dirty="0"/>
              <a:t> </a:t>
            </a:r>
            <a:r>
              <a:rPr lang="fr-FR" b="1" dirty="0"/>
              <a:t>EAT BASKET </a:t>
            </a:r>
            <a:r>
              <a:rPr lang="fr-FR" dirty="0"/>
              <a:t>: coach de 2 de ses filles en 1995 , vice-président de Guy Moreau de 1996 à 2001, Président de 2001 à 2005, actuel trésorier et responsable de la commission Arbitrage   </a:t>
            </a:r>
            <a:endParaRPr lang="en-US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4699118F-C86A-1CA3-6AFE-BAE4C24CE25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20607" y="1803891"/>
            <a:ext cx="3758280" cy="4803264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8BC43E92-D260-3B71-D3B2-E3E62DCED7DE}"/>
              </a:ext>
            </a:extLst>
          </p:cNvPr>
          <p:cNvSpPr txBox="1"/>
          <p:nvPr/>
        </p:nvSpPr>
        <p:spPr>
          <a:xfrm>
            <a:off x="9978887" y="5510158"/>
            <a:ext cx="233768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Bruno Charbonnier </a:t>
            </a:r>
            <a:endParaRPr lang="en-US" b="1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F78FF213-0B92-73E9-71F7-8E206FFD1E34}"/>
              </a:ext>
            </a:extLst>
          </p:cNvPr>
          <p:cNvSpPr txBox="1"/>
          <p:nvPr/>
        </p:nvSpPr>
        <p:spPr>
          <a:xfrm>
            <a:off x="751393" y="1311449"/>
            <a:ext cx="207927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=&gt; Mr GEINDREAU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4143354550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5" grpId="0"/>
      <p:bldP spid="7" grpId="0"/>
      <p:bldP spid="11" grpId="0"/>
      <p:bldP spid="13" grpId="0"/>
      <p:bldP spid="15" grpId="0"/>
      <p:bldP spid="16" grpId="0"/>
    </p:bldLst>
  </p:timing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EE5E4593-4918-483A-B341-A4FD560EA65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38100"/>
            <a:ext cx="2895600" cy="158115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E1A1331-046D-6AFC-1A50-F3FFC66F1482}"/>
              </a:ext>
            </a:extLst>
          </p:cNvPr>
          <p:cNvSpPr txBox="1"/>
          <p:nvPr/>
        </p:nvSpPr>
        <p:spPr>
          <a:xfrm>
            <a:off x="1943578" y="2709199"/>
            <a:ext cx="2232181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endParaRPr lang="fr-FR" sz="2800" b="1" dirty="0"/>
          </a:p>
          <a:p>
            <a:pPr lvl="0"/>
            <a:r>
              <a:rPr lang="fr-FR" sz="2800" b="1" dirty="0"/>
              <a:t>  </a:t>
            </a:r>
            <a:endParaRPr lang="en-US" sz="2800" b="1" dirty="0"/>
          </a:p>
        </p:txBody>
      </p:sp>
      <p:pic>
        <p:nvPicPr>
          <p:cNvPr id="3" name="Picture 2" descr="A group of people posing for a photo&#10;&#10;Description automatically generated">
            <a:extLst>
              <a:ext uri="{FF2B5EF4-FFF2-40B4-BE49-F238E27FC236}">
                <a16:creationId xmlns:a16="http://schemas.microsoft.com/office/drawing/2014/main" id="{2AA7D502-EC7A-FF83-6366-3CBA9D580F0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045" y="752475"/>
            <a:ext cx="3729287" cy="266657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7ABE948-CB24-CB36-D322-3ED3BB8525E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493609" y="550130"/>
            <a:ext cx="4426141" cy="2651489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28BAEFD3-C002-B72D-0E4F-A540AB046C58}"/>
              </a:ext>
            </a:extLst>
          </p:cNvPr>
          <p:cNvSpPr txBox="1"/>
          <p:nvPr/>
        </p:nvSpPr>
        <p:spPr>
          <a:xfrm>
            <a:off x="2821028" y="2890195"/>
            <a:ext cx="7951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bg1"/>
                </a:solidFill>
              </a:rPr>
              <a:t>95-96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AD715FA-FE6B-8480-B695-1B24D882E74D}"/>
              </a:ext>
            </a:extLst>
          </p:cNvPr>
          <p:cNvSpPr txBox="1"/>
          <p:nvPr/>
        </p:nvSpPr>
        <p:spPr>
          <a:xfrm>
            <a:off x="8124619" y="610941"/>
            <a:ext cx="79513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97-98</a:t>
            </a:r>
            <a:endParaRPr lang="en-US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2D8A3590-F7B2-8534-DA52-04BE80222F7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24804" y="3935083"/>
            <a:ext cx="4215242" cy="2856122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74867676-CE36-1056-12B5-3FFF5753F122}"/>
              </a:ext>
            </a:extLst>
          </p:cNvPr>
          <p:cNvSpPr txBox="1"/>
          <p:nvPr/>
        </p:nvSpPr>
        <p:spPr>
          <a:xfrm>
            <a:off x="242001" y="6267895"/>
            <a:ext cx="238481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2002 =&gt; 60 ans du club</a:t>
            </a:r>
            <a:endParaRPr lang="en-US" dirty="0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91603A2F-53D9-294C-6767-A8928383DAA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445853" y="3656381"/>
            <a:ext cx="3843919" cy="2903561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F18293C4-7C98-4273-6282-BD5EBAE0F9C1}"/>
              </a:ext>
            </a:extLst>
          </p:cNvPr>
          <p:cNvSpPr txBox="1"/>
          <p:nvPr/>
        </p:nvSpPr>
        <p:spPr>
          <a:xfrm>
            <a:off x="6152776" y="6244596"/>
            <a:ext cx="80117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2015</a:t>
            </a:r>
            <a:endParaRPr lang="en-US" dirty="0"/>
          </a:p>
        </p:txBody>
      </p:sp>
      <p:pic>
        <p:nvPicPr>
          <p:cNvPr id="17" name="Picture 16" descr="A person and person sitting in a chair in a room&#10;&#10;Description automatically generated">
            <a:extLst>
              <a:ext uri="{FF2B5EF4-FFF2-40B4-BE49-F238E27FC236}">
                <a16:creationId xmlns:a16="http://schemas.microsoft.com/office/drawing/2014/main" id="{417BB4B6-656A-AED9-210A-1419E3471A90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8419786" y="3995365"/>
            <a:ext cx="3647410" cy="27355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9436175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8" grpId="0"/>
      <p:bldP spid="12" grpId="0"/>
      <p:bldP spid="15" grpId="0"/>
    </p:bldLst>
  </p:timing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Logo&#10;&#10;Description automatically generated">
            <a:extLst>
              <a:ext uri="{FF2B5EF4-FFF2-40B4-BE49-F238E27FC236}">
                <a16:creationId xmlns:a16="http://schemas.microsoft.com/office/drawing/2014/main" id="{EE5E4593-4918-483A-B341-A4FD560EA65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38100"/>
            <a:ext cx="2895600" cy="158115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2D48CE7F-A4E7-46B7-A699-B27216AA962E}"/>
              </a:ext>
            </a:extLst>
          </p:cNvPr>
          <p:cNvSpPr txBox="1"/>
          <p:nvPr/>
        </p:nvSpPr>
        <p:spPr>
          <a:xfrm>
            <a:off x="440911" y="234231"/>
            <a:ext cx="8512589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dirty="0"/>
              <a:t>④ – </a:t>
            </a:r>
            <a:r>
              <a:rPr lang="fr-FR" sz="3200" b="1" u="sng" dirty="0"/>
              <a:t>REMERCIEMENTS </a:t>
            </a:r>
            <a:r>
              <a:rPr lang="fr-FR" sz="3200" b="1" dirty="0"/>
              <a:t>:   </a:t>
            </a:r>
            <a:endParaRPr lang="en-US" sz="3200" b="1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27CE463-C6C5-47E5-AF3A-1CBA14085A27}"/>
              </a:ext>
            </a:extLst>
          </p:cNvPr>
          <p:cNvSpPr txBox="1"/>
          <p:nvPr/>
        </p:nvSpPr>
        <p:spPr>
          <a:xfrm>
            <a:off x="4924423" y="265008"/>
            <a:ext cx="307657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rgbClr val="FF0000"/>
                </a:solidFill>
              </a:rPr>
              <a:t>SPECIAL AWARDS </a:t>
            </a:r>
            <a:endParaRPr lang="en-US" sz="2800" b="1" dirty="0">
              <a:solidFill>
                <a:srgbClr val="FF0000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12B4AED-2B67-BCCA-F480-13416DDD94BB}"/>
              </a:ext>
            </a:extLst>
          </p:cNvPr>
          <p:cNvSpPr txBox="1"/>
          <p:nvPr/>
        </p:nvSpPr>
        <p:spPr>
          <a:xfrm>
            <a:off x="1504931" y="1155178"/>
            <a:ext cx="2232181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2800" b="1" u="sng" dirty="0"/>
              <a:t>3 personnes </a:t>
            </a:r>
            <a:r>
              <a:rPr lang="fr-FR" sz="2800" b="1" dirty="0"/>
              <a:t>: </a:t>
            </a:r>
          </a:p>
          <a:p>
            <a:pPr lvl="0"/>
            <a:r>
              <a:rPr lang="fr-FR" sz="2800" b="1" dirty="0"/>
              <a:t>  </a:t>
            </a:r>
            <a:endParaRPr lang="en-US" sz="2800" b="1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802809B4-2F4C-03D5-DB39-8C0AE5133468}"/>
              </a:ext>
            </a:extLst>
          </p:cNvPr>
          <p:cNvSpPr txBox="1"/>
          <p:nvPr/>
        </p:nvSpPr>
        <p:spPr>
          <a:xfrm>
            <a:off x="1943578" y="1895974"/>
            <a:ext cx="4091462" cy="181588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2800" b="1" dirty="0"/>
              <a:t>. Investissement</a:t>
            </a:r>
          </a:p>
          <a:p>
            <a:pPr lvl="0"/>
            <a:r>
              <a:rPr lang="fr-FR" sz="2800" b="1" dirty="0"/>
              <a:t>. Fidélité</a:t>
            </a:r>
          </a:p>
          <a:p>
            <a:pPr lvl="0"/>
            <a:r>
              <a:rPr lang="fr-FR" sz="2800" b="1" dirty="0"/>
              <a:t>. Esprit club    </a:t>
            </a:r>
          </a:p>
          <a:p>
            <a:pPr lvl="0"/>
            <a:r>
              <a:rPr lang="fr-FR" sz="2800" b="1" dirty="0"/>
              <a:t>  </a:t>
            </a:r>
            <a:endParaRPr lang="en-US" sz="2800" b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E1A1331-046D-6AFC-1A50-F3FFC66F1482}"/>
              </a:ext>
            </a:extLst>
          </p:cNvPr>
          <p:cNvSpPr txBox="1"/>
          <p:nvPr/>
        </p:nvSpPr>
        <p:spPr>
          <a:xfrm>
            <a:off x="1943578" y="2709199"/>
            <a:ext cx="2232181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endParaRPr lang="fr-FR" sz="2800" b="1" dirty="0"/>
          </a:p>
          <a:p>
            <a:pPr lvl="0"/>
            <a:r>
              <a:rPr lang="fr-FR" sz="2800" b="1" dirty="0"/>
              <a:t>  </a:t>
            </a:r>
            <a:endParaRPr lang="en-US" sz="2800" b="1" dirty="0"/>
          </a:p>
        </p:txBody>
      </p:sp>
    </p:spTree>
    <p:extLst>
      <p:ext uri="{BB962C8B-B14F-4D97-AF65-F5344CB8AC3E}">
        <p14:creationId xmlns:p14="http://schemas.microsoft.com/office/powerpoint/2010/main" val="2874831098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4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EAT Basket - La Tessoualle - basket - Score'n'co">
            <a:extLst>
              <a:ext uri="{FF2B5EF4-FFF2-40B4-BE49-F238E27FC236}">
                <a16:creationId xmlns:a16="http://schemas.microsoft.com/office/drawing/2014/main" id="{6A0DFDDE-4423-751F-B586-A3E34670AA7A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6375" y="415925"/>
            <a:ext cx="2709863" cy="1517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51" name="ZoneTexte 3">
            <a:extLst>
              <a:ext uri="{FF2B5EF4-FFF2-40B4-BE49-F238E27FC236}">
                <a16:creationId xmlns:a16="http://schemas.microsoft.com/office/drawing/2014/main" id="{450867BE-C8EE-7BB7-F989-5F8B471CFA1A}"/>
              </a:ext>
            </a:extLst>
          </p:cNvPr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3468688" y="677863"/>
            <a:ext cx="4411662" cy="16303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6000" dirty="0"/>
              <a:t>Pôle sportif</a:t>
            </a:r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4000" dirty="0"/>
              <a:t>Effectifs</a:t>
            </a:r>
          </a:p>
        </p:txBody>
      </p:sp>
      <p:pic>
        <p:nvPicPr>
          <p:cNvPr id="1028" name="Picture 4" descr="Le règlement de basket - Casal Sport">
            <a:extLst>
              <a:ext uri="{FF2B5EF4-FFF2-40B4-BE49-F238E27FC236}">
                <a16:creationId xmlns:a16="http://schemas.microsoft.com/office/drawing/2014/main" id="{FECCC54A-DFD3-EF5E-E6E4-4553CD7A9D77}"/>
              </a:ext>
            </a:extLst>
          </p:cNvPr>
          <p:cNvPicPr>
            <a:picLocks noChangeAspect="1" noChangeArrowheads="1"/>
          </p:cNvPicPr>
          <p:nvPr>
            <p:custDataLst>
              <p:tags r:id="rId3"/>
            </p:custDataLst>
          </p:nvPr>
        </p:nvPicPr>
        <p:blipFill>
          <a:blip r:embed="rId7"/>
          <a:srcRect/>
          <a:stretch>
            <a:fillRect/>
          </a:stretch>
        </p:blipFill>
        <p:spPr bwMode="auto">
          <a:xfrm>
            <a:off x="9282393" y="251012"/>
            <a:ext cx="2305050" cy="1981200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  <p:sp>
        <p:nvSpPr>
          <p:cNvPr id="2053" name="ZoneTexte 4">
            <a:extLst>
              <a:ext uri="{FF2B5EF4-FFF2-40B4-BE49-F238E27FC236}">
                <a16:creationId xmlns:a16="http://schemas.microsoft.com/office/drawing/2014/main" id="{3B0099B7-73BE-7624-A6DA-F864EADE58C8}"/>
              </a:ext>
            </a:extLst>
          </p:cNvPr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793750" y="3298825"/>
            <a:ext cx="10793413" cy="2862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Les effectifs restent stables à </a:t>
            </a:r>
            <a:r>
              <a:rPr lang="fr-FR" altLang="fr-FR" sz="5400" dirty="0"/>
              <a:t>260 licenciés </a:t>
            </a:r>
            <a:r>
              <a:rPr lang="fr-FR" altLang="fr-FR" sz="1800" dirty="0"/>
              <a:t>entre la saison 22-23 et la saison 23-24</a:t>
            </a:r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5400" dirty="0"/>
              <a:t>23 équipes </a:t>
            </a:r>
            <a:r>
              <a:rPr lang="fr-FR" altLang="fr-FR" sz="1800" dirty="0"/>
              <a:t>contre 22 la saison précédente </a:t>
            </a:r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>
                <a:solidFill>
                  <a:srgbClr val="FF0000"/>
                </a:solidFill>
              </a:rPr>
              <a:t>Difficile d’augmenter les effectifs du fait du manque de créneaux à la salle des chênes.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53" grpId="0"/>
    </p:bldLst>
  </p:timing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C1BCFE34-E213-7917-824F-F9B761F335C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500" y="2159000"/>
            <a:ext cx="3571875" cy="346075"/>
          </a:xfrm>
        </p:spPr>
        <p:txBody>
          <a:bodyPr rtlCol="0">
            <a:normAutofit/>
          </a:bodyPr>
          <a:lstStyle/>
          <a:p>
            <a:pPr fontAlgn="auto">
              <a:defRPr/>
            </a:pPr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32771" name="Picture 10" descr="Logo&#10;&#10;Description automatically generated">
            <a:extLst>
              <a:ext uri="{FF2B5EF4-FFF2-40B4-BE49-F238E27FC236}">
                <a16:creationId xmlns:a16="http://schemas.microsoft.com/office/drawing/2014/main" id="{393214DF-49EB-D3B3-971A-B869835A95F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6400" y="0"/>
            <a:ext cx="2895600" cy="1581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2F1B5432-7B11-2980-ED8A-6D91D7975FF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55078" y="2067338"/>
            <a:ext cx="3179693" cy="4234344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E07D42B1-21DE-EBDC-1FA4-A7CA7AFB8F3D}"/>
              </a:ext>
            </a:extLst>
          </p:cNvPr>
          <p:cNvSpPr txBox="1"/>
          <p:nvPr/>
        </p:nvSpPr>
        <p:spPr>
          <a:xfrm>
            <a:off x="477076" y="310101"/>
            <a:ext cx="82455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ANCIENNE SECRETAIRE GENERALE DU CLUB PENDANT DE NOMBREUSES SAISONS</a:t>
            </a:r>
            <a:endParaRPr lang="en-US" b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96B9C55-7B55-7F78-5777-DC7CCAA7E59B}"/>
              </a:ext>
            </a:extLst>
          </p:cNvPr>
          <p:cNvSpPr txBox="1"/>
          <p:nvPr/>
        </p:nvSpPr>
        <p:spPr>
          <a:xfrm>
            <a:off x="477076" y="810759"/>
            <a:ext cx="351447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VERITABLE POUMON DU TOURNOI  </a:t>
            </a:r>
            <a:endParaRPr lang="en-US" b="1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BDCAB89E-F7A3-18E8-CA7C-A445272A2B5B}"/>
              </a:ext>
            </a:extLst>
          </p:cNvPr>
          <p:cNvSpPr txBox="1"/>
          <p:nvPr/>
        </p:nvSpPr>
        <p:spPr>
          <a:xfrm>
            <a:off x="477076" y="1311417"/>
            <a:ext cx="60509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JOUEUSE INDISCUTABLE DU 5 MAJEURS DE L’EQUIPE DETENTE  </a:t>
            </a:r>
            <a:endParaRPr lang="en-US" b="1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2A413E1-F6A4-B816-4157-8B592654ACC4}"/>
              </a:ext>
            </a:extLst>
          </p:cNvPr>
          <p:cNvSpPr txBox="1"/>
          <p:nvPr/>
        </p:nvSpPr>
        <p:spPr>
          <a:xfrm>
            <a:off x="3991555" y="827965"/>
            <a:ext cx="45114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=&gt; ‘DIRECTRICE’ DE LA SALLE DES TILLEULS </a:t>
            </a:r>
            <a:endParaRPr lang="en-US" b="1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3F42144-1ADE-7C40-E3B8-B1ECB54EB5DB}"/>
              </a:ext>
            </a:extLst>
          </p:cNvPr>
          <p:cNvSpPr txBox="1"/>
          <p:nvPr/>
        </p:nvSpPr>
        <p:spPr>
          <a:xfrm>
            <a:off x="7629031" y="5779973"/>
            <a:ext cx="17479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EVY RETAILLEAU  </a:t>
            </a:r>
            <a:endParaRPr lang="en-US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9343824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5" grpId="0"/>
      <p:bldP spid="6" grpId="0"/>
      <p:bldP spid="7" grpId="0"/>
      <p:bldP spid="8" grpId="0"/>
    </p:bldLst>
  </p:timing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771" name="Picture 10" descr="Logo&#10;&#10;Description automatically generated">
            <a:extLst>
              <a:ext uri="{FF2B5EF4-FFF2-40B4-BE49-F238E27FC236}">
                <a16:creationId xmlns:a16="http://schemas.microsoft.com/office/drawing/2014/main" id="{393214DF-49EB-D3B3-971A-B869835A95F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6400" y="0"/>
            <a:ext cx="2895600" cy="1581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E07D42B1-21DE-EBDC-1FA4-A7CA7AFB8F3D}"/>
              </a:ext>
            </a:extLst>
          </p:cNvPr>
          <p:cNvSpPr txBox="1"/>
          <p:nvPr/>
        </p:nvSpPr>
        <p:spPr>
          <a:xfrm>
            <a:off x="477075" y="310101"/>
            <a:ext cx="88999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MADAME ‘PHOTOS’ DU TOURNOI ( DES CENTAINES DE PHOTOS RETOUCHEES UNE A UNE )</a:t>
            </a:r>
            <a:endParaRPr lang="en-US" b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D96B9C55-7B55-7F78-5777-DC7CCAA7E59B}"/>
              </a:ext>
            </a:extLst>
          </p:cNvPr>
          <p:cNvSpPr txBox="1"/>
          <p:nvPr/>
        </p:nvSpPr>
        <p:spPr>
          <a:xfrm>
            <a:off x="477076" y="810759"/>
            <a:ext cx="351447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 </a:t>
            </a:r>
            <a:endParaRPr lang="en-US" b="1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BDCAB89E-F7A3-18E8-CA7C-A445272A2B5B}"/>
              </a:ext>
            </a:extLst>
          </p:cNvPr>
          <p:cNvSpPr txBox="1"/>
          <p:nvPr/>
        </p:nvSpPr>
        <p:spPr>
          <a:xfrm>
            <a:off x="477076" y="1311417"/>
            <a:ext cx="88193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TOUJOURS DISPONIBLE POUR AIDER A LA VIE DU CLUB =&gt; UN VRAI ESPRIT CLUB AUSSI   </a:t>
            </a:r>
            <a:endParaRPr lang="en-US" b="1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2A413E1-F6A4-B816-4157-8B592654ACC4}"/>
              </a:ext>
            </a:extLst>
          </p:cNvPr>
          <p:cNvSpPr txBox="1"/>
          <p:nvPr/>
        </p:nvSpPr>
        <p:spPr>
          <a:xfrm>
            <a:off x="477076" y="810759"/>
            <a:ext cx="33395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ECOUTE, PEDAGOGIE, CONSEILS </a:t>
            </a:r>
            <a:endParaRPr lang="en-US" b="1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3F42144-1ADE-7C40-E3B8-B1ECB54EB5DB}"/>
              </a:ext>
            </a:extLst>
          </p:cNvPr>
          <p:cNvSpPr txBox="1"/>
          <p:nvPr/>
        </p:nvSpPr>
        <p:spPr>
          <a:xfrm>
            <a:off x="7629031" y="5779973"/>
            <a:ext cx="17479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 NANA BITEAU  </a:t>
            </a:r>
            <a:endParaRPr lang="en-US" b="1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04571C4F-9AB9-1EFC-E06C-A15A4144E46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42670" y="2214409"/>
            <a:ext cx="4139508" cy="415856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5515731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6" grpId="0"/>
      <p:bldP spid="7" grpId="0"/>
      <p:bldP spid="8" grpId="0"/>
    </p:bldLst>
  </p:timing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2771" name="Picture 10" descr="Logo&#10;&#10;Description automatically generated">
            <a:extLst>
              <a:ext uri="{FF2B5EF4-FFF2-40B4-BE49-F238E27FC236}">
                <a16:creationId xmlns:a16="http://schemas.microsoft.com/office/drawing/2014/main" id="{393214DF-49EB-D3B3-971A-B869835A95F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96400" y="0"/>
            <a:ext cx="2895600" cy="1581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96B9C55-7B55-7F78-5777-DC7CCAA7E59B}"/>
              </a:ext>
            </a:extLst>
          </p:cNvPr>
          <p:cNvSpPr txBox="1"/>
          <p:nvPr/>
        </p:nvSpPr>
        <p:spPr>
          <a:xfrm>
            <a:off x="477076" y="810759"/>
            <a:ext cx="351447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 </a:t>
            </a:r>
            <a:endParaRPr lang="en-US" b="1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2A02ED1-BAA0-D60D-2C29-1BAE0B5F264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338" y="0"/>
            <a:ext cx="5496341" cy="3194949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5A70AAB4-83D7-5F79-139E-4D41AEF43E1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27911" y="3972046"/>
            <a:ext cx="5582268" cy="286983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6D442D3C-B445-9888-6A91-B622CD859BC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410143" y="99247"/>
            <a:ext cx="3018239" cy="3757648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344D25F4-F010-FF2C-D4A8-4A5C661CD45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94198" y="4433622"/>
            <a:ext cx="4952383" cy="87792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32653091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542B6A4-DB68-3C02-A845-3879EDD05C3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0508" y="2429034"/>
            <a:ext cx="4850294" cy="323114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4E3E4BE5-ED62-E39A-AC6B-A98FCD0C604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17260" y="34573"/>
            <a:ext cx="2621100" cy="385429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3C58F48-513B-8015-6C2D-2542414D055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027810" y="4044605"/>
            <a:ext cx="4011908" cy="272357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25577985"/>
      </p:ext>
    </p:extLst>
  </p:cSld>
  <p:clrMapOvr>
    <a:masterClrMapping/>
  </p:clrMapOvr>
  <p:transition>
    <p:fade/>
  </p:transition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FC0C1D7C-F31A-0F1B-932A-68D9ADADCE9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14296" y="371048"/>
            <a:ext cx="4582164" cy="6115904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7A6DCB3-F7B9-A69F-2EC6-CF1D4934F80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237398" y="1745036"/>
            <a:ext cx="6641968" cy="490874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75541266"/>
      </p:ext>
    </p:extLst>
  </p:cSld>
  <p:clrMapOvr>
    <a:masterClrMapping/>
  </p:clrMapOvr>
  <p:transition>
    <p:fade/>
  </p:transition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pic>
        <p:nvPicPr>
          <p:cNvPr id="5" name="Picture 4" descr="A group of men in basketball uniforms posing for a photo&#10;&#10;Description automatically generated">
            <a:extLst>
              <a:ext uri="{FF2B5EF4-FFF2-40B4-BE49-F238E27FC236}">
                <a16:creationId xmlns:a16="http://schemas.microsoft.com/office/drawing/2014/main" id="{A9F3C16E-F013-E0FC-BAE3-B5471DD4D24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63426" y="2075290"/>
            <a:ext cx="5714337" cy="428575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203D71C-C9A2-DE48-30D8-A2386B7DB37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4227" y="152629"/>
            <a:ext cx="6087325" cy="45916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39483961"/>
      </p:ext>
    </p:extLst>
  </p:cSld>
  <p:clrMapOvr>
    <a:masterClrMapping/>
  </p:clrMapOvr>
  <p:transition>
    <p:fade/>
  </p:transition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DB1A16B-C269-0268-073F-0BFEFEFE22A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81663" y="632092"/>
            <a:ext cx="8752365" cy="589195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6846048"/>
      </p:ext>
    </p:extLst>
  </p:cSld>
  <p:clrMapOvr>
    <a:masterClrMapping/>
  </p:clrMapOvr>
  <p:transition>
    <p:fade/>
  </p:transition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2B1D8958-0FFA-1559-599D-250E1F767F5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45437" y="461177"/>
            <a:ext cx="9044858" cy="619348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92888826"/>
      </p:ext>
    </p:extLst>
  </p:cSld>
  <p:clrMapOvr>
    <a:masterClrMapping/>
  </p:clrMapOvr>
  <p:transition>
    <p:fade/>
  </p:transition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8596E648-B2A1-6EB8-71D4-E095FD45B35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06519" y="80920"/>
            <a:ext cx="8799017" cy="669615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08624873"/>
      </p:ext>
    </p:extLst>
  </p:cSld>
  <p:clrMapOvr>
    <a:masterClrMapping/>
  </p:clrMapOvr>
  <p:transition>
    <p:fade/>
  </p:transition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3DFB17C6-5DC4-9D9A-27D7-A13EFB46B78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43124" y="683812"/>
            <a:ext cx="9001036" cy="598388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06040387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EAT Basket - La Tessoualle - basket - Score'n'co">
            <a:extLst>
              <a:ext uri="{FF2B5EF4-FFF2-40B4-BE49-F238E27FC236}">
                <a16:creationId xmlns:a16="http://schemas.microsoft.com/office/drawing/2014/main" id="{E7AD7472-30BC-A823-3263-0163040AA26A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6375" y="415925"/>
            <a:ext cx="2709863" cy="1517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4" descr="Le règlement de basket - Casal Sport">
            <a:extLst>
              <a:ext uri="{FF2B5EF4-FFF2-40B4-BE49-F238E27FC236}">
                <a16:creationId xmlns:a16="http://schemas.microsoft.com/office/drawing/2014/main" id="{6E767BBD-B188-5F05-2E3E-E1E9DB33451A}"/>
              </a:ext>
            </a:extLst>
          </p:cNvPr>
          <p:cNvPicPr>
            <a:picLocks noChangeAspect="1" noChangeArrowheads="1"/>
          </p:cNvPicPr>
          <p:nvPr>
            <p:custDataLst>
              <p:tags r:id="rId2"/>
            </p:custDataLst>
          </p:nvPr>
        </p:nvPicPr>
        <p:blipFill>
          <a:blip r:embed="rId8"/>
          <a:srcRect/>
          <a:stretch>
            <a:fillRect/>
          </a:stretch>
        </p:blipFill>
        <p:spPr bwMode="auto">
          <a:xfrm>
            <a:off x="9282393" y="251012"/>
            <a:ext cx="2305050" cy="1981200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  <p:sp>
        <p:nvSpPr>
          <p:cNvPr id="3076" name="ZoneTexte 5">
            <a:extLst>
              <a:ext uri="{FF2B5EF4-FFF2-40B4-BE49-F238E27FC236}">
                <a16:creationId xmlns:a16="http://schemas.microsoft.com/office/drawing/2014/main" id="{8A99EF28-52E0-50EB-DF53-6779B6F877E1}"/>
              </a:ext>
            </a:extLst>
          </p:cNvPr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3640138" y="585788"/>
            <a:ext cx="4410075" cy="163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6000"/>
              <a:t>Pôle sportif</a:t>
            </a:r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4000"/>
              <a:t>Résultats</a:t>
            </a:r>
          </a:p>
        </p:txBody>
      </p:sp>
      <p:sp>
        <p:nvSpPr>
          <p:cNvPr id="3077" name="ZoneTexte 6">
            <a:extLst>
              <a:ext uri="{FF2B5EF4-FFF2-40B4-BE49-F238E27FC236}">
                <a16:creationId xmlns:a16="http://schemas.microsoft.com/office/drawing/2014/main" id="{38D4654B-B57D-D84B-F380-45AA1D17DE8D}"/>
              </a:ext>
            </a:extLst>
          </p:cNvPr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1084263" y="2298700"/>
            <a:ext cx="9494837" cy="1754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 dirty="0"/>
              <a:t>Faits d’armes  (saison 22-23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U15F en demi-finale de la coupe de l’Anjou.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U13F en D1 élite 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Seniors filles  : montée en DF2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Seniors Garçons  : Descente  de </a:t>
            </a:r>
            <a:r>
              <a:rPr lang="fr-FR" altLang="fr-FR" sz="1800" dirty="0" err="1"/>
              <a:t>Prénationale</a:t>
            </a:r>
            <a:r>
              <a:rPr lang="fr-FR" altLang="fr-FR" sz="1800" dirty="0"/>
              <a:t> en RM2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Nos équipes de jeunes se maintiennent à un niveau honorable en Départemental</a:t>
            </a:r>
          </a:p>
        </p:txBody>
      </p:sp>
      <p:sp>
        <p:nvSpPr>
          <p:cNvPr id="3078" name="ZoneTexte 7">
            <a:extLst>
              <a:ext uri="{FF2B5EF4-FFF2-40B4-BE49-F238E27FC236}">
                <a16:creationId xmlns:a16="http://schemas.microsoft.com/office/drawing/2014/main" id="{BD564D0C-6403-A6B7-E7EA-4F15932559C6}"/>
              </a:ext>
            </a:extLst>
          </p:cNvPr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1098550" y="4240213"/>
            <a:ext cx="9493250" cy="23082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 dirty="0"/>
              <a:t>Ambitions (saison 23-24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Offrir 2 créneaux d’entrainements à tous les licenciés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Montée des U18F en Championnat régional après Noël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Maintien Seniors filles en DF2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Titre département pour les U13F 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Montée Seniors Garçons en </a:t>
            </a:r>
            <a:r>
              <a:rPr lang="fr-FR" altLang="fr-FR" sz="1800" dirty="0" err="1"/>
              <a:t>Prénationale</a:t>
            </a: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 dirty="0"/>
              <a:t>Placer une joueuse et un joueur en présélection départementale.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77" grpId="0"/>
      <p:bldP spid="3078" grpId="0"/>
    </p:bldLst>
  </p:timing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E3AB0F5F-0FCA-D2C1-1142-2EF58322C64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2767" y="381663"/>
            <a:ext cx="8326522" cy="628603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32374325"/>
      </p:ext>
    </p:extLst>
  </p:cSld>
  <p:clrMapOvr>
    <a:masterClrMapping/>
  </p:clrMapOvr>
  <p:transition>
    <p:fade/>
  </p:transition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Image 1">
            <a:extLst>
              <a:ext uri="{FF2B5EF4-FFF2-40B4-BE49-F238E27FC236}">
                <a16:creationId xmlns:a16="http://schemas.microsoft.com/office/drawing/2014/main" id="{B1F20714-BE4B-B813-5310-621B5847C3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4625" y="96838"/>
            <a:ext cx="3406775" cy="1858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ZoneTexte 1">
            <a:extLst>
              <a:ext uri="{FF2B5EF4-FFF2-40B4-BE49-F238E27FC236}">
                <a16:creationId xmlns:a16="http://schemas.microsoft.com/office/drawing/2014/main" id="{D5DCBF58-E42A-7A9E-954F-90D92D262094}"/>
              </a:ext>
            </a:extLst>
          </p:cNvPr>
          <p:cNvSpPr txBox="1"/>
          <p:nvPr/>
        </p:nvSpPr>
        <p:spPr>
          <a:xfrm>
            <a:off x="4832350" y="352425"/>
            <a:ext cx="5562600" cy="706438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>
              <a:defRPr/>
            </a:pPr>
            <a:r>
              <a:rPr lang="fr-FR" sz="4000" b="1" dirty="0">
                <a:latin typeface="+mn-lt"/>
              </a:rPr>
              <a:t>INSCRIPTION 2023/2024</a:t>
            </a:r>
          </a:p>
        </p:txBody>
      </p:sp>
      <p:sp>
        <p:nvSpPr>
          <p:cNvPr id="2052" name="ZoneTexte 2">
            <a:extLst>
              <a:ext uri="{FF2B5EF4-FFF2-40B4-BE49-F238E27FC236}">
                <a16:creationId xmlns:a16="http://schemas.microsoft.com/office/drawing/2014/main" id="{D043411E-F1F7-A207-AEED-AD35EE788A9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298950" y="1054100"/>
            <a:ext cx="7513638" cy="9233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Les inscriptions se sont déroulées jusqu’au 15 juillet, et un peu plus tard.</a:t>
            </a:r>
          </a:p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A ce jour, 243 licenciés, 117 H et 116 F + 10 CHOLET BASKET (5RM2+5 U13 F)</a:t>
            </a:r>
          </a:p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 dirty="0"/>
              <a:t>=&gt; PROJECTION 260 </a:t>
            </a:r>
          </a:p>
        </p:txBody>
      </p:sp>
      <p:sp>
        <p:nvSpPr>
          <p:cNvPr id="2053" name="ZoneTexte 4">
            <a:extLst>
              <a:ext uri="{FF2B5EF4-FFF2-40B4-BE49-F238E27FC236}">
                <a16:creationId xmlns:a16="http://schemas.microsoft.com/office/drawing/2014/main" id="{2F5E7EFD-9635-E904-82E8-4FC14F50455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62264" y="2098064"/>
            <a:ext cx="5540375" cy="12557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lvl="1">
              <a:lnSpc>
                <a:spcPct val="107000"/>
              </a:lnSpc>
              <a:spcBef>
                <a:spcPct val="0"/>
              </a:spcBef>
              <a:spcAft>
                <a:spcPts val="800"/>
              </a:spcAft>
              <a:buSzPts val="1000"/>
              <a:buFont typeface="Courier New" panose="02070309020205020404" pitchFamily="49" charset="0"/>
              <a:buChar char="o"/>
            </a:pPr>
            <a:r>
              <a:rPr lang="fr-FR" altLang="fr-FR" sz="1800" b="1" dirty="0"/>
              <a:t>Certificat médical</a:t>
            </a:r>
          </a:p>
          <a:p>
            <a:pPr lvl="2">
              <a:lnSpc>
                <a:spcPct val="107000"/>
              </a:lnSpc>
              <a:spcBef>
                <a:spcPct val="0"/>
              </a:spcBef>
              <a:spcAft>
                <a:spcPts val="800"/>
              </a:spcAft>
              <a:buSzPts val="1000"/>
              <a:buFontTx/>
              <a:buNone/>
            </a:pPr>
            <a:r>
              <a:rPr lang="fr-FR" altLang="fr-FR" sz="1400" dirty="0"/>
              <a:t>pour tous les majeurs – VALABLE 3 SAISONS</a:t>
            </a:r>
          </a:p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400" dirty="0"/>
              <a:t>	Pour les mineurs, pas obligatoire en fonction des réponses à 	un questionnaire qui sera fourni dans le formulaire en ligne.</a:t>
            </a:r>
          </a:p>
        </p:txBody>
      </p:sp>
      <p:grpSp>
        <p:nvGrpSpPr>
          <p:cNvPr id="2054" name="Groupe 3">
            <a:extLst>
              <a:ext uri="{FF2B5EF4-FFF2-40B4-BE49-F238E27FC236}">
                <a16:creationId xmlns:a16="http://schemas.microsoft.com/office/drawing/2014/main" id="{C5B821EA-7C0C-3148-3EB0-228EA3CFD978}"/>
              </a:ext>
            </a:extLst>
          </p:cNvPr>
          <p:cNvGrpSpPr>
            <a:grpSpLocks/>
          </p:cNvGrpSpPr>
          <p:nvPr/>
        </p:nvGrpSpPr>
        <p:grpSpPr bwMode="auto">
          <a:xfrm>
            <a:off x="8135496" y="1983278"/>
            <a:ext cx="2406650" cy="984250"/>
            <a:chOff x="8818563" y="1428750"/>
            <a:chExt cx="2611437" cy="993775"/>
          </a:xfrm>
        </p:grpSpPr>
        <p:sp>
          <p:nvSpPr>
            <p:cNvPr id="2061" name="ZoneTexte 3">
              <a:extLst>
                <a:ext uri="{FF2B5EF4-FFF2-40B4-BE49-F238E27FC236}">
                  <a16:creationId xmlns:a16="http://schemas.microsoft.com/office/drawing/2014/main" id="{8BF93DB6-0A4E-586B-D24D-D993869B248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8818563" y="1428750"/>
              <a:ext cx="2611437" cy="369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buFont typeface="Arial" panose="020B0604020202020204" pitchFamily="34" charset="0"/>
                <a:buChar char="•"/>
                <a:defRPr sz="2800">
                  <a:solidFill>
                    <a:schemeClr val="tx1"/>
                  </a:solidFill>
                  <a:latin typeface="Calibri" panose="020F0502020204030204" pitchFamily="34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2400">
                  <a:solidFill>
                    <a:schemeClr val="tx1"/>
                  </a:solidFill>
                  <a:latin typeface="Calibri" panose="020F0502020204030204" pitchFamily="34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500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500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500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500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9pPr>
            </a:lstStyle>
            <a:p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r>
                <a:rPr lang="fr-FR" altLang="fr-FR" sz="1800" b="1"/>
                <a:t>PAIEMENT HELLO ASSO</a:t>
              </a:r>
            </a:p>
          </p:txBody>
        </p:sp>
        <p:pic>
          <p:nvPicPr>
            <p:cNvPr id="2062" name="Image 6">
              <a:extLst>
                <a:ext uri="{FF2B5EF4-FFF2-40B4-BE49-F238E27FC236}">
                  <a16:creationId xmlns:a16="http://schemas.microsoft.com/office/drawing/2014/main" id="{22F265E7-BAEC-0CC1-C1C1-C0B264F2D68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878888" y="1711325"/>
              <a:ext cx="2490787" cy="7112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pic>
        <p:nvPicPr>
          <p:cNvPr id="2055" name="Image 3">
            <a:extLst>
              <a:ext uri="{FF2B5EF4-FFF2-40B4-BE49-F238E27FC236}">
                <a16:creationId xmlns:a16="http://schemas.microsoft.com/office/drawing/2014/main" id="{0B550AB5-C1E8-B212-F041-311E9B7E93E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9413" y="3847700"/>
            <a:ext cx="2479675" cy="8651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6" name="Image 5">
            <a:extLst>
              <a:ext uri="{FF2B5EF4-FFF2-40B4-BE49-F238E27FC236}">
                <a16:creationId xmlns:a16="http://schemas.microsoft.com/office/drawing/2014/main" id="{3E03D4EF-F1DB-CA4B-15CF-0C98D9CB98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73375" y="3877783"/>
            <a:ext cx="1543050" cy="11096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ZoneTexte 10">
            <a:extLst>
              <a:ext uri="{FF2B5EF4-FFF2-40B4-BE49-F238E27FC236}">
                <a16:creationId xmlns:a16="http://schemas.microsoft.com/office/drawing/2014/main" id="{4638C972-E243-A94A-712D-0AF7D870AEA1}"/>
              </a:ext>
            </a:extLst>
          </p:cNvPr>
          <p:cNvSpPr txBox="1"/>
          <p:nvPr/>
        </p:nvSpPr>
        <p:spPr>
          <a:xfrm>
            <a:off x="379413" y="3461229"/>
            <a:ext cx="2997200" cy="369888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>
              <a:defRPr/>
            </a:pPr>
            <a:r>
              <a:rPr lang="fr-FR" b="1" cap="all" dirty="0">
                <a:solidFill>
                  <a:srgbClr val="FF0000"/>
                </a:solidFill>
                <a:latin typeface="Roboto" panose="02000000000000000000" pitchFamily="2" charset="0"/>
                <a:ea typeface="Times New Roman" panose="02020603050405020304" pitchFamily="18" charset="0"/>
                <a:cs typeface="Times New Roman" panose="02020603050405020304" pitchFamily="18" charset="0"/>
              </a:rPr>
              <a:t>BONS PLANS LICENCES</a:t>
            </a:r>
            <a:endParaRPr lang="fr-FR" b="1" dirty="0"/>
          </a:p>
        </p:txBody>
      </p:sp>
      <p:sp>
        <p:nvSpPr>
          <p:cNvPr id="2058" name="ZoneTexte 2">
            <a:extLst>
              <a:ext uri="{FF2B5EF4-FFF2-40B4-BE49-F238E27FC236}">
                <a16:creationId xmlns:a16="http://schemas.microsoft.com/office/drawing/2014/main" id="{859AA5F4-AD67-3F34-9838-CF2FCD91010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61975" y="5132102"/>
            <a:ext cx="3854450" cy="369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3 licenciés d’une même famille = -10%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BB5BA1BF-31DF-AAEF-B5CE-02342EB59F22}"/>
              </a:ext>
            </a:extLst>
          </p:cNvPr>
          <p:cNvSpPr txBox="1"/>
          <p:nvPr/>
        </p:nvSpPr>
        <p:spPr>
          <a:xfrm>
            <a:off x="6453505" y="3272315"/>
            <a:ext cx="4813300" cy="646113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>
              <a:defRPr/>
            </a:pPr>
            <a:r>
              <a:rPr lang="fr-FR" sz="3600" b="1" i="1" dirty="0">
                <a:latin typeface="+mn-lt"/>
              </a:rPr>
              <a:t>INSCRIPTION 2024/2025</a:t>
            </a:r>
          </a:p>
        </p:txBody>
      </p:sp>
      <p:sp>
        <p:nvSpPr>
          <p:cNvPr id="2060" name="ZoneTexte 2">
            <a:extLst>
              <a:ext uri="{FF2B5EF4-FFF2-40B4-BE49-F238E27FC236}">
                <a16:creationId xmlns:a16="http://schemas.microsoft.com/office/drawing/2014/main" id="{32EF2A8E-4212-E65F-4223-5B497E3CB3E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810567" y="3897469"/>
            <a:ext cx="6099175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Les inscriptions se dérouleront tous le mois de juin 2024</a:t>
            </a:r>
          </a:p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A compter du 1</a:t>
            </a:r>
            <a:r>
              <a:rPr lang="fr-FR" altLang="fr-FR" sz="1800" baseline="30000" dirty="0"/>
              <a:t>er</a:t>
            </a:r>
            <a:r>
              <a:rPr lang="fr-FR" altLang="fr-FR" sz="1800" dirty="0"/>
              <a:t> juillet, pour les renouvellements le prix de la licence sera majoré de 25€.</a:t>
            </a:r>
          </a:p>
        </p:txBody>
      </p:sp>
      <p:sp>
        <p:nvSpPr>
          <p:cNvPr id="4" name="ZoneTexte 4">
            <a:extLst>
              <a:ext uri="{FF2B5EF4-FFF2-40B4-BE49-F238E27FC236}">
                <a16:creationId xmlns:a16="http://schemas.microsoft.com/office/drawing/2014/main" id="{1D2F2D76-C8E0-FFF4-F6E2-FCF3A5AC858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746957" y="4882796"/>
            <a:ext cx="4303491" cy="2812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457200" lvl="1" indent="0">
              <a:lnSpc>
                <a:spcPct val="107000"/>
              </a:lnSpc>
              <a:spcBef>
                <a:spcPct val="0"/>
              </a:spcBef>
              <a:spcAft>
                <a:spcPts val="800"/>
              </a:spcAft>
              <a:buSzPts val="1000"/>
              <a:buNone/>
            </a:pPr>
            <a:r>
              <a:rPr lang="fr-FR" altLang="fr-FR" sz="1200" b="1" dirty="0"/>
              <a:t>=&gt; VALIDATION DES EQUIPES AVANT DEPART CP CHARLIE</a:t>
            </a:r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D3DE696B-D511-BA40-3460-4E50E98CB3B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746957" y="5195886"/>
            <a:ext cx="3969536" cy="2812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457200" lvl="1" indent="0">
              <a:lnSpc>
                <a:spcPct val="107000"/>
              </a:lnSpc>
              <a:spcBef>
                <a:spcPct val="0"/>
              </a:spcBef>
              <a:spcAft>
                <a:spcPts val="800"/>
              </a:spcAft>
              <a:buSzPts val="1000"/>
              <a:buNone/>
            </a:pPr>
            <a:r>
              <a:rPr lang="fr-FR" altLang="fr-FR" sz="1200" b="1" dirty="0"/>
              <a:t>=&gt; PLANNIFICATION DES MATCHES AMICAUX </a:t>
            </a:r>
          </a:p>
        </p:txBody>
      </p:sp>
      <p:sp>
        <p:nvSpPr>
          <p:cNvPr id="6" name="ZoneTexte 4">
            <a:extLst>
              <a:ext uri="{FF2B5EF4-FFF2-40B4-BE49-F238E27FC236}">
                <a16:creationId xmlns:a16="http://schemas.microsoft.com/office/drawing/2014/main" id="{8E719E84-21BE-4239-451E-7BFECADBC6B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746957" y="5508976"/>
            <a:ext cx="4088806" cy="2812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457200" lvl="1" indent="0">
              <a:lnSpc>
                <a:spcPct val="107000"/>
              </a:lnSpc>
              <a:spcBef>
                <a:spcPct val="0"/>
              </a:spcBef>
              <a:spcAft>
                <a:spcPts val="800"/>
              </a:spcAft>
              <a:buSzPts val="1000"/>
              <a:buNone/>
            </a:pPr>
            <a:r>
              <a:rPr lang="fr-FR" altLang="fr-FR" sz="1200" b="1" dirty="0"/>
              <a:t>=&gt; PLANNIFICATION DES ENTRAINEMENTS</a:t>
            </a:r>
          </a:p>
        </p:txBody>
      </p:sp>
      <p:sp>
        <p:nvSpPr>
          <p:cNvPr id="7" name="ZoneTexte 2">
            <a:extLst>
              <a:ext uri="{FF2B5EF4-FFF2-40B4-BE49-F238E27FC236}">
                <a16:creationId xmlns:a16="http://schemas.microsoft.com/office/drawing/2014/main" id="{5500E5AF-0AE7-22E9-1440-1650722A5D5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61975" y="5930899"/>
            <a:ext cx="11064875" cy="830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2400" dirty="0">
                <a:latin typeface="Brush Script MT" panose="03060802040406070304" pitchFamily="66" charset="0"/>
              </a:rPr>
              <a:t>Pour les attestations de paiement de licence, elles seront faites fin septembre, après le début du championnat, merci de votre compréhension.</a:t>
            </a:r>
            <a:r>
              <a:rPr lang="fr-FR" altLang="fr-FR" sz="1800" dirty="0"/>
              <a:t> </a:t>
            </a:r>
            <a:r>
              <a:rPr lang="fr-FR" altLang="fr-FR" sz="1800" dirty="0">
                <a:sym typeface="Wingdings" panose="05000000000000000000" pitchFamily="2" charset="2"/>
              </a:rPr>
              <a:t></a:t>
            </a:r>
            <a:endParaRPr lang="fr-FR" altLang="fr-FR" sz="1800" dirty="0"/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2052" grpId="0"/>
      <p:bldP spid="2053" grpId="0"/>
      <p:bldP spid="11" grpId="0"/>
      <p:bldP spid="2058" grpId="0"/>
      <p:bldP spid="3" grpId="0"/>
      <p:bldP spid="2060" grpId="0"/>
      <p:bldP spid="4" grpId="0"/>
      <p:bldP spid="5" grpId="0"/>
      <p:bldP spid="6" grpId="0"/>
      <p:bldP spid="7" grpId="0"/>
    </p:bldLst>
  </p:timing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4D1228C0-623C-4570-BA9F-9BD98AA2E251}"/>
              </a:ext>
            </a:extLst>
          </p:cNvPr>
          <p:cNvSpPr txBox="1"/>
          <p:nvPr/>
        </p:nvSpPr>
        <p:spPr>
          <a:xfrm>
            <a:off x="1976247" y="2775557"/>
            <a:ext cx="7748589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u="sng" dirty="0"/>
              <a:t>CONCLUSION et PERSPECTIVES 2023-2024 </a:t>
            </a:r>
            <a:r>
              <a:rPr lang="fr-FR" sz="3200" b="1" dirty="0"/>
              <a:t> </a:t>
            </a:r>
            <a:endParaRPr lang="en-US" sz="32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80643743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/>
    </p:bldLst>
  </p:timing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CD5361C-D00F-4879-8EDF-324E13BF88BD}"/>
              </a:ext>
            </a:extLst>
          </p:cNvPr>
          <p:cNvSpPr txBox="1"/>
          <p:nvPr/>
        </p:nvSpPr>
        <p:spPr>
          <a:xfrm>
            <a:off x="671514" y="2758324"/>
            <a:ext cx="315277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FF0000"/>
                </a:solidFill>
              </a:rPr>
              <a:t>E </a:t>
            </a:r>
            <a:r>
              <a:rPr lang="fr-FR" sz="2400" b="1" dirty="0"/>
              <a:t>=&gt; ENVERGURE   </a:t>
            </a:r>
            <a:endParaRPr lang="en-US" sz="2400" b="1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14A21CA-19BD-496D-9E99-2F78AA6E4B22}"/>
              </a:ext>
            </a:extLst>
          </p:cNvPr>
          <p:cNvSpPr txBox="1"/>
          <p:nvPr/>
        </p:nvSpPr>
        <p:spPr>
          <a:xfrm>
            <a:off x="671511" y="3702475"/>
            <a:ext cx="302895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FF0000"/>
                </a:solidFill>
              </a:rPr>
              <a:t>A </a:t>
            </a:r>
            <a:r>
              <a:rPr lang="fr-FR" sz="2400" b="1" dirty="0"/>
              <a:t>=&gt; ATTRACTIVITE</a:t>
            </a:r>
            <a:endParaRPr lang="en-US" sz="2400" b="1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BE87E56-4915-41ED-91F3-4057C979C0C4}"/>
              </a:ext>
            </a:extLst>
          </p:cNvPr>
          <p:cNvSpPr txBox="1"/>
          <p:nvPr/>
        </p:nvSpPr>
        <p:spPr>
          <a:xfrm>
            <a:off x="671511" y="4646626"/>
            <a:ext cx="35722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FF0000"/>
                </a:solidFill>
              </a:rPr>
              <a:t>T</a:t>
            </a:r>
            <a:r>
              <a:rPr lang="fr-FR" sz="2400" b="1" dirty="0"/>
              <a:t> =&gt; TRANSFORMATION  </a:t>
            </a:r>
            <a:endParaRPr lang="en-US" sz="2400" b="1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CED45A1-5433-4D92-81E1-E2CC86AA9FAF}"/>
              </a:ext>
            </a:extLst>
          </p:cNvPr>
          <p:cNvSpPr txBox="1"/>
          <p:nvPr/>
        </p:nvSpPr>
        <p:spPr>
          <a:xfrm>
            <a:off x="4581526" y="3564065"/>
            <a:ext cx="2819404" cy="7147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rgbClr val="FF0000"/>
                </a:solidFill>
              </a:rPr>
              <a:t>=&gt;</a:t>
            </a:r>
            <a:r>
              <a:rPr lang="fr-FR" sz="4000" b="1" dirty="0">
                <a:solidFill>
                  <a:srgbClr val="0070C0"/>
                </a:solidFill>
              </a:rPr>
              <a:t> </a:t>
            </a:r>
            <a:r>
              <a:rPr lang="fr-FR" sz="4000" b="1" dirty="0">
                <a:solidFill>
                  <a:srgbClr val="FF0000"/>
                </a:solidFill>
              </a:rPr>
              <a:t>M.V.P  </a:t>
            </a:r>
            <a:endParaRPr lang="en-US" sz="4000" b="1" dirty="0">
              <a:solidFill>
                <a:srgbClr val="FF0000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F384C64-C57E-4526-9D8C-DFC37ABED548}"/>
              </a:ext>
            </a:extLst>
          </p:cNvPr>
          <p:cNvSpPr txBox="1"/>
          <p:nvPr/>
        </p:nvSpPr>
        <p:spPr>
          <a:xfrm>
            <a:off x="7496175" y="3541000"/>
            <a:ext cx="333375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rgbClr val="0070C0"/>
                </a:solidFill>
              </a:rPr>
              <a:t>=&gt; </a:t>
            </a:r>
            <a:r>
              <a:rPr lang="fr-FR" sz="4000" b="1" dirty="0">
                <a:solidFill>
                  <a:srgbClr val="FF0000"/>
                </a:solidFill>
              </a:rPr>
              <a:t>V</a:t>
            </a:r>
            <a:r>
              <a:rPr lang="fr-FR" sz="4000" b="1" dirty="0">
                <a:solidFill>
                  <a:srgbClr val="0070C0"/>
                </a:solidFill>
              </a:rPr>
              <a:t>ALEURS </a:t>
            </a:r>
            <a:endParaRPr lang="en-US" sz="4000" b="1" dirty="0">
              <a:solidFill>
                <a:srgbClr val="0070C0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6B52E4B-A64B-4662-98F2-0E0136ACC0E3}"/>
              </a:ext>
            </a:extLst>
          </p:cNvPr>
          <p:cNvSpPr txBox="1"/>
          <p:nvPr/>
        </p:nvSpPr>
        <p:spPr>
          <a:xfrm>
            <a:off x="7496175" y="2856179"/>
            <a:ext cx="333375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rgbClr val="0070C0"/>
                </a:solidFill>
              </a:rPr>
              <a:t>=&gt; </a:t>
            </a:r>
            <a:r>
              <a:rPr lang="fr-FR" sz="4000" b="1" dirty="0">
                <a:solidFill>
                  <a:srgbClr val="FF0000"/>
                </a:solidFill>
              </a:rPr>
              <a:t>M</a:t>
            </a:r>
            <a:r>
              <a:rPr lang="fr-FR" sz="4000" b="1" dirty="0">
                <a:solidFill>
                  <a:srgbClr val="0070C0"/>
                </a:solidFill>
              </a:rPr>
              <a:t>OTIVANT  </a:t>
            </a:r>
            <a:endParaRPr lang="en-US" sz="4000" b="1" dirty="0">
              <a:solidFill>
                <a:srgbClr val="0070C0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A2AB758-A65F-43E4-8579-980177351DFA}"/>
              </a:ext>
            </a:extLst>
          </p:cNvPr>
          <p:cNvSpPr txBox="1"/>
          <p:nvPr/>
        </p:nvSpPr>
        <p:spPr>
          <a:xfrm>
            <a:off x="7496175" y="4225821"/>
            <a:ext cx="333375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rgbClr val="0070C0"/>
                </a:solidFill>
              </a:rPr>
              <a:t>=&gt; </a:t>
            </a:r>
            <a:r>
              <a:rPr lang="fr-FR" sz="4000" b="1" dirty="0">
                <a:solidFill>
                  <a:srgbClr val="FF0000"/>
                </a:solidFill>
              </a:rPr>
              <a:t>P</a:t>
            </a:r>
            <a:r>
              <a:rPr lang="fr-FR" sz="4000" b="1" dirty="0">
                <a:solidFill>
                  <a:srgbClr val="0070C0"/>
                </a:solidFill>
              </a:rPr>
              <a:t>ERENNE  </a:t>
            </a:r>
            <a:endParaRPr lang="en-US" sz="4000" b="1" dirty="0">
              <a:solidFill>
                <a:srgbClr val="0070C0"/>
              </a:solidFill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4D1228C0-623C-4570-BA9F-9BD98AA2E251}"/>
              </a:ext>
            </a:extLst>
          </p:cNvPr>
          <p:cNvSpPr txBox="1"/>
          <p:nvPr/>
        </p:nvSpPr>
        <p:spPr>
          <a:xfrm>
            <a:off x="671510" y="668461"/>
            <a:ext cx="7748589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u="sng" dirty="0"/>
              <a:t>RAPPEL CONCLUSION 2022-2023  :</a:t>
            </a:r>
            <a:r>
              <a:rPr lang="fr-FR" sz="3200" b="1" dirty="0"/>
              <a:t> </a:t>
            </a:r>
            <a:endParaRPr lang="en-US" sz="32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9788422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7" grpId="0"/>
      <p:bldP spid="10" grpId="0"/>
      <p:bldP spid="12" grpId="0"/>
      <p:bldP spid="13" grpId="0"/>
      <p:bldP spid="14" grpId="0"/>
      <p:bldP spid="15" grpId="0"/>
      <p:bldP spid="16" grpId="0"/>
    </p:bldLst>
  </p:timing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19050"/>
            <a:ext cx="2895600" cy="158115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CD5361C-D00F-4879-8EDF-324E13BF88BD}"/>
              </a:ext>
            </a:extLst>
          </p:cNvPr>
          <p:cNvSpPr txBox="1"/>
          <p:nvPr/>
        </p:nvSpPr>
        <p:spPr>
          <a:xfrm>
            <a:off x="671514" y="2758324"/>
            <a:ext cx="315277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FF0000"/>
                </a:solidFill>
              </a:rPr>
              <a:t>E </a:t>
            </a:r>
            <a:r>
              <a:rPr lang="fr-FR" sz="2400" b="1" dirty="0"/>
              <a:t>=&gt; EMPLOI   </a:t>
            </a:r>
            <a:endParaRPr lang="en-US" sz="2400" b="1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14A21CA-19BD-496D-9E99-2F78AA6E4B22}"/>
              </a:ext>
            </a:extLst>
          </p:cNvPr>
          <p:cNvSpPr txBox="1"/>
          <p:nvPr/>
        </p:nvSpPr>
        <p:spPr>
          <a:xfrm>
            <a:off x="671510" y="3702475"/>
            <a:ext cx="302895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FF0000"/>
                </a:solidFill>
              </a:rPr>
              <a:t>A </a:t>
            </a:r>
            <a:r>
              <a:rPr lang="fr-FR" sz="2400" b="1" dirty="0"/>
              <a:t>=&gt; AVENIR</a:t>
            </a:r>
            <a:endParaRPr lang="en-US" sz="2400" b="1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BE87E56-4915-41ED-91F3-4057C979C0C4}"/>
              </a:ext>
            </a:extLst>
          </p:cNvPr>
          <p:cNvSpPr txBox="1"/>
          <p:nvPr/>
        </p:nvSpPr>
        <p:spPr>
          <a:xfrm>
            <a:off x="671511" y="4646626"/>
            <a:ext cx="35722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>
                <a:solidFill>
                  <a:srgbClr val="FF0000"/>
                </a:solidFill>
              </a:rPr>
              <a:t>T</a:t>
            </a:r>
            <a:r>
              <a:rPr lang="fr-FR" sz="2400" b="1" dirty="0"/>
              <a:t> =&gt; TERRITOIRE    </a:t>
            </a:r>
            <a:endParaRPr lang="en-US" sz="2400" b="1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CED45A1-5433-4D92-81E1-E2CC86AA9FAF}"/>
              </a:ext>
            </a:extLst>
          </p:cNvPr>
          <p:cNvSpPr txBox="1"/>
          <p:nvPr/>
        </p:nvSpPr>
        <p:spPr>
          <a:xfrm>
            <a:off x="3564791" y="3601520"/>
            <a:ext cx="2819404" cy="7147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rgbClr val="FF0000"/>
                </a:solidFill>
              </a:rPr>
              <a:t>=&gt;</a:t>
            </a:r>
            <a:r>
              <a:rPr lang="fr-FR" sz="4000" b="1" dirty="0">
                <a:solidFill>
                  <a:srgbClr val="0070C0"/>
                </a:solidFill>
              </a:rPr>
              <a:t> </a:t>
            </a:r>
            <a:r>
              <a:rPr lang="fr-FR" sz="4000" b="1" dirty="0">
                <a:solidFill>
                  <a:srgbClr val="FF0000"/>
                </a:solidFill>
              </a:rPr>
              <a:t>M.V.P  </a:t>
            </a:r>
            <a:endParaRPr lang="en-US" sz="4000" b="1" dirty="0">
              <a:solidFill>
                <a:srgbClr val="FF0000"/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F384C64-C57E-4526-9D8C-DFC37ABED548}"/>
              </a:ext>
            </a:extLst>
          </p:cNvPr>
          <p:cNvSpPr txBox="1"/>
          <p:nvPr/>
        </p:nvSpPr>
        <p:spPr>
          <a:xfrm>
            <a:off x="6462504" y="3608407"/>
            <a:ext cx="333375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rgbClr val="0070C0"/>
                </a:solidFill>
              </a:rPr>
              <a:t>=&gt; </a:t>
            </a:r>
            <a:r>
              <a:rPr lang="fr-FR" sz="4000" b="1" dirty="0">
                <a:solidFill>
                  <a:srgbClr val="FF0000"/>
                </a:solidFill>
              </a:rPr>
              <a:t>V</a:t>
            </a:r>
            <a:r>
              <a:rPr lang="fr-FR" sz="4000" b="1" dirty="0">
                <a:solidFill>
                  <a:srgbClr val="0070C0"/>
                </a:solidFill>
              </a:rPr>
              <a:t>ISION </a:t>
            </a:r>
            <a:endParaRPr lang="en-US" sz="4000" b="1" dirty="0">
              <a:solidFill>
                <a:srgbClr val="0070C0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6B52E4B-A64B-4662-98F2-0E0136ACC0E3}"/>
              </a:ext>
            </a:extLst>
          </p:cNvPr>
          <p:cNvSpPr txBox="1"/>
          <p:nvPr/>
        </p:nvSpPr>
        <p:spPr>
          <a:xfrm>
            <a:off x="6462504" y="2635193"/>
            <a:ext cx="562347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rgbClr val="0070C0"/>
                </a:solidFill>
              </a:rPr>
              <a:t>=&gt; </a:t>
            </a:r>
            <a:r>
              <a:rPr lang="fr-FR" sz="4000" b="1" dirty="0">
                <a:solidFill>
                  <a:srgbClr val="FF0000"/>
                </a:solidFill>
              </a:rPr>
              <a:t>M</a:t>
            </a:r>
            <a:r>
              <a:rPr lang="fr-FR" sz="4000" b="1" dirty="0">
                <a:solidFill>
                  <a:srgbClr val="0070C0"/>
                </a:solidFill>
              </a:rPr>
              <a:t>ISE SUR LES JEUNES  </a:t>
            </a:r>
            <a:endParaRPr lang="en-US" sz="4000" b="1" dirty="0">
              <a:solidFill>
                <a:srgbClr val="0070C0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A2AB758-A65F-43E4-8579-980177351DFA}"/>
              </a:ext>
            </a:extLst>
          </p:cNvPr>
          <p:cNvSpPr txBox="1"/>
          <p:nvPr/>
        </p:nvSpPr>
        <p:spPr>
          <a:xfrm>
            <a:off x="6462504" y="4523515"/>
            <a:ext cx="402431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>
                <a:solidFill>
                  <a:srgbClr val="0070C0"/>
                </a:solidFill>
              </a:rPr>
              <a:t>=&gt; </a:t>
            </a:r>
            <a:r>
              <a:rPr lang="fr-FR" sz="4000" b="1" dirty="0">
                <a:solidFill>
                  <a:srgbClr val="FF0000"/>
                </a:solidFill>
              </a:rPr>
              <a:t>P</a:t>
            </a:r>
            <a:r>
              <a:rPr lang="fr-FR" sz="4000" b="1" dirty="0">
                <a:solidFill>
                  <a:srgbClr val="0070C0"/>
                </a:solidFill>
              </a:rPr>
              <a:t>ROXIMITE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4D1228C0-623C-4570-BA9F-9BD98AA2E251}"/>
              </a:ext>
            </a:extLst>
          </p:cNvPr>
          <p:cNvSpPr txBox="1"/>
          <p:nvPr/>
        </p:nvSpPr>
        <p:spPr>
          <a:xfrm>
            <a:off x="671510" y="668461"/>
            <a:ext cx="7748589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vl="0"/>
            <a:r>
              <a:rPr lang="fr-FR" sz="3200" b="1" u="sng" dirty="0"/>
              <a:t>CONCLUSION et PERSPECTIVES 2023-2024 :</a:t>
            </a:r>
            <a:r>
              <a:rPr lang="fr-FR" sz="3200" b="1" dirty="0"/>
              <a:t> </a:t>
            </a:r>
            <a:endParaRPr lang="en-US" sz="32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1753423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7" grpId="0"/>
      <p:bldP spid="10" grpId="0"/>
      <p:bldP spid="12" grpId="0"/>
      <p:bldP spid="13" grpId="0"/>
      <p:bldP spid="14" grpId="0"/>
      <p:bldP spid="15" grpId="0"/>
      <p:bldP spid="16" grpId="0"/>
    </p:bldLst>
  </p:timing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 descr="Logo&#10;&#10;Description automatically generated">
            <a:extLst>
              <a:ext uri="{FF2B5EF4-FFF2-40B4-BE49-F238E27FC236}">
                <a16:creationId xmlns:a16="http://schemas.microsoft.com/office/drawing/2014/main" id="{24874CB4-F261-0783-3279-4133627CB0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-7952"/>
            <a:ext cx="2895600" cy="158115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CC3277A7-8FA2-7ACF-34AD-DC69480741E3}"/>
              </a:ext>
            </a:extLst>
          </p:cNvPr>
          <p:cNvSpPr txBox="1"/>
          <p:nvPr/>
        </p:nvSpPr>
        <p:spPr>
          <a:xfrm>
            <a:off x="2169622" y="566617"/>
            <a:ext cx="663355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INAUGURATION DES LABELS</a:t>
            </a:r>
            <a:endParaRPr lang="en-US" sz="4000" b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4D06F10-60BD-DC59-D3F9-F6C1F56B8957}"/>
              </a:ext>
            </a:extLst>
          </p:cNvPr>
          <p:cNvSpPr txBox="1"/>
          <p:nvPr/>
        </p:nvSpPr>
        <p:spPr>
          <a:xfrm>
            <a:off x="2078182" y="1219255"/>
            <a:ext cx="6633556" cy="12618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 </a:t>
            </a:r>
            <a:r>
              <a:rPr lang="fr-FR" b="1" dirty="0"/>
              <a:t>NATHALIE BOURRY du COMITE DEPARTEMENTAL DE BASKET 49</a:t>
            </a:r>
          </a:p>
          <a:p>
            <a:r>
              <a:rPr lang="fr-FR" b="1" dirty="0"/>
              <a:t>( Vice-Présidente en charge du Vivre </a:t>
            </a:r>
            <a:r>
              <a:rPr lang="fr-FR" b="1" dirty="0" err="1"/>
              <a:t>Ensembre</a:t>
            </a:r>
            <a:r>
              <a:rPr lang="fr-FR" b="1" dirty="0"/>
              <a:t>, du </a:t>
            </a:r>
            <a:r>
              <a:rPr lang="fr-FR" b="1" dirty="0" err="1"/>
              <a:t>Minibasket</a:t>
            </a:r>
            <a:r>
              <a:rPr lang="fr-FR" b="1" dirty="0"/>
              <a:t>, du  </a:t>
            </a:r>
          </a:p>
          <a:p>
            <a:r>
              <a:rPr lang="fr-FR" b="1" dirty="0"/>
              <a:t>   3X3, du Basket Santé et du </a:t>
            </a:r>
            <a:r>
              <a:rPr lang="fr-FR" b="1" dirty="0" err="1"/>
              <a:t>Basketonik</a:t>
            </a:r>
            <a:r>
              <a:rPr lang="fr-FR" b="1" dirty="0"/>
              <a:t> )</a:t>
            </a:r>
            <a:endParaRPr lang="en-US" b="1" dirty="0"/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0073B24C-0688-FA5B-C71D-15049C7848C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56568" y="2917765"/>
            <a:ext cx="1863725" cy="2754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E0785B72-7D81-3933-08CC-FE149FABA3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63999" y="2884432"/>
            <a:ext cx="1865274" cy="2754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1">
            <a:extLst>
              <a:ext uri="{FF2B5EF4-FFF2-40B4-BE49-F238E27FC236}">
                <a16:creationId xmlns:a16="http://schemas.microsoft.com/office/drawing/2014/main" id="{6060D0E4-B6BC-AB55-4015-82C6705A89D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54543" y="2917765"/>
            <a:ext cx="1863725" cy="27545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6229D529-7EE4-854E-7EA4-227228FFE8C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32629" y="2884431"/>
            <a:ext cx="1935611" cy="2754314"/>
          </a:xfrm>
          <a:prstGeom prst="rect">
            <a:avLst/>
          </a:prstGeom>
        </p:spPr>
      </p:pic>
      <p:pic>
        <p:nvPicPr>
          <p:cNvPr id="14" name="Picture 13" descr="A group of kids in a basketball court&#10;&#10;Description automatically generated">
            <a:extLst>
              <a:ext uri="{FF2B5EF4-FFF2-40B4-BE49-F238E27FC236}">
                <a16:creationId xmlns:a16="http://schemas.microsoft.com/office/drawing/2014/main" id="{F7492112-B1E6-D688-F8A4-8ABC85AC1E5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1584" y="3261780"/>
            <a:ext cx="2940648" cy="1864518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AFB64FEB-D69E-FAC1-57AD-662F77F15CEA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621583" y="2553894"/>
            <a:ext cx="2940649" cy="707886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3F671AFE-13E5-27D5-B649-F62E04D71B63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4621585" y="5085608"/>
            <a:ext cx="2940648" cy="707886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4C5F1680-FAB9-7440-AD48-938BE215F701}"/>
              </a:ext>
            </a:extLst>
          </p:cNvPr>
          <p:cNvSpPr txBox="1"/>
          <p:nvPr/>
        </p:nvSpPr>
        <p:spPr>
          <a:xfrm>
            <a:off x="3664229" y="6050915"/>
            <a:ext cx="485535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dirty="0"/>
              <a:t>Lucien, Alexis, Adèle, </a:t>
            </a:r>
            <a:r>
              <a:rPr lang="fr-FR" b="1" dirty="0" err="1"/>
              <a:t>Nahia</a:t>
            </a:r>
            <a:r>
              <a:rPr lang="fr-FR" b="1" dirty="0"/>
              <a:t>, Timothé et Laurette</a:t>
            </a:r>
            <a:endParaRPr lang="en-US" b="1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4E38B22-19CB-3476-5961-1D9C816473CD}"/>
              </a:ext>
            </a:extLst>
          </p:cNvPr>
          <p:cNvSpPr txBox="1"/>
          <p:nvPr/>
        </p:nvSpPr>
        <p:spPr>
          <a:xfrm>
            <a:off x="2159680" y="566617"/>
            <a:ext cx="663355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INAUGURATION DES LABELS</a:t>
            </a:r>
            <a:endParaRPr lang="en-US" sz="4000" b="1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187DE22-10D8-3E42-6E6F-489DBBE6D145}"/>
              </a:ext>
            </a:extLst>
          </p:cNvPr>
          <p:cNvSpPr txBox="1"/>
          <p:nvPr/>
        </p:nvSpPr>
        <p:spPr>
          <a:xfrm>
            <a:off x="2068240" y="1219255"/>
            <a:ext cx="6633556" cy="12618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 </a:t>
            </a:r>
            <a:r>
              <a:rPr lang="fr-FR" b="1" dirty="0"/>
              <a:t>NATHALIE BOURRY du COMITE DEPARTEMENTAL DE BASKET 49</a:t>
            </a:r>
          </a:p>
          <a:p>
            <a:r>
              <a:rPr lang="fr-FR" b="1" dirty="0"/>
              <a:t>( Vice-Présidente en charge du Vivre </a:t>
            </a:r>
            <a:r>
              <a:rPr lang="fr-FR" b="1" dirty="0" err="1"/>
              <a:t>Ensembre</a:t>
            </a:r>
            <a:r>
              <a:rPr lang="fr-FR" b="1" dirty="0"/>
              <a:t>, du </a:t>
            </a:r>
            <a:r>
              <a:rPr lang="fr-FR" b="1" dirty="0" err="1"/>
              <a:t>Minibasket</a:t>
            </a:r>
            <a:r>
              <a:rPr lang="fr-FR" b="1" dirty="0"/>
              <a:t>, du  </a:t>
            </a:r>
          </a:p>
          <a:p>
            <a:r>
              <a:rPr lang="fr-FR" b="1" dirty="0"/>
              <a:t>   3X3, du Basket Santé et du </a:t>
            </a:r>
            <a:r>
              <a:rPr lang="fr-FR" b="1" dirty="0" err="1"/>
              <a:t>Basketonik</a:t>
            </a:r>
            <a:r>
              <a:rPr lang="fr-FR" b="1" dirty="0"/>
              <a:t> )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4215992667"/>
      </p:ext>
    </p:extLst>
  </p:cSld>
  <p:clrMapOvr>
    <a:masterClrMapping/>
  </p:clrMapOvr>
  <p:transition spd="slow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3" grpId="0"/>
      <p:bldP spid="9" grpId="0"/>
    </p:bldLst>
  </p:timing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A2D8D4A4-82E4-4579-8550-614EB49C8D7D}"/>
              </a:ext>
            </a:extLst>
          </p:cNvPr>
          <p:cNvSpPr txBox="1"/>
          <p:nvPr/>
        </p:nvSpPr>
        <p:spPr>
          <a:xfrm>
            <a:off x="3928724" y="2572131"/>
            <a:ext cx="316740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QUESTIONS ?</a:t>
            </a:r>
            <a:endParaRPr lang="en-US" sz="40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79482854"/>
      </p:ext>
    </p:extLst>
  </p:cSld>
  <p:clrMapOvr>
    <a:masterClrMapping/>
  </p:clrMapOvr>
  <p:transition>
    <p:fade/>
  </p:transition>
</p:sld>
</file>

<file path=ppt/slides/slide8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5429921-15D2-4D27-A0CB-6BF7B6B461F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85973" y="190306"/>
            <a:ext cx="1648055" cy="1390844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A2D8D4A4-82E4-4579-8550-614EB49C8D7D}"/>
              </a:ext>
            </a:extLst>
          </p:cNvPr>
          <p:cNvSpPr txBox="1"/>
          <p:nvPr/>
        </p:nvSpPr>
        <p:spPr>
          <a:xfrm>
            <a:off x="371475" y="38481"/>
            <a:ext cx="711449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000" b="1" dirty="0"/>
              <a:t>⑤- PLACE AU COCKTAIL </a:t>
            </a:r>
            <a:endParaRPr lang="en-US" sz="4000" b="1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C093619-1A79-44A5-BBE5-025D36BB7E1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26246" y="1104803"/>
            <a:ext cx="5883754" cy="53628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21552058"/>
      </p:ext>
    </p:extLst>
  </p:cSld>
  <p:clrMapOvr>
    <a:masterClrMapping/>
  </p:clrMapOvr>
  <p:transition>
    <p:fade/>
  </p:transition>
</p:sld>
</file>

<file path=ppt/slides/slide8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ndertitel 2">
            <a:extLst>
              <a:ext uri="{FF2B5EF4-FFF2-40B4-BE49-F238E27FC236}">
                <a16:creationId xmlns:a16="http://schemas.microsoft.com/office/drawing/2014/main" id="{2BC0A933-F894-4DAC-AAF0-984392397DA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0119" y="2158249"/>
            <a:ext cx="3572256" cy="346826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chemeClr val="bg1"/>
                </a:solidFill>
              </a:rPr>
              <a:t>Groupe VINET le 24.02.2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77DDC67-5A1C-44B9-B67D-A244D727A2B8}"/>
              </a:ext>
            </a:extLst>
          </p:cNvPr>
          <p:cNvSpPr txBox="1"/>
          <p:nvPr/>
        </p:nvSpPr>
        <p:spPr>
          <a:xfrm>
            <a:off x="609601" y="809625"/>
            <a:ext cx="451485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b="1" dirty="0"/>
              <a:t>MERCI POUR VOTRE ATTENTION</a:t>
            </a:r>
            <a:endParaRPr lang="en-US" sz="2400" b="1" dirty="0"/>
          </a:p>
        </p:txBody>
      </p:sp>
      <p:pic>
        <p:nvPicPr>
          <p:cNvPr id="11" name="Picture 10" descr="Logo&#10;&#10;Description automatically generated">
            <a:extLst>
              <a:ext uri="{FF2B5EF4-FFF2-40B4-BE49-F238E27FC236}">
                <a16:creationId xmlns:a16="http://schemas.microsoft.com/office/drawing/2014/main" id="{85413C45-4055-4AC5-B800-E1414AFD8A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96400" y="0"/>
            <a:ext cx="2895600" cy="1581150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9DEB1C2F-71F2-CEA3-B8F3-6298EE068A5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0490" y="1374563"/>
            <a:ext cx="8149311" cy="54076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72663416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 descr="EAT Basket - La Tessoualle - basket - Score'n'co">
            <a:extLst>
              <a:ext uri="{FF2B5EF4-FFF2-40B4-BE49-F238E27FC236}">
                <a16:creationId xmlns:a16="http://schemas.microsoft.com/office/drawing/2014/main" id="{44666A91-1898-7B96-DCF1-8AFAF21A1581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6375" y="415925"/>
            <a:ext cx="2709863" cy="1517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4" descr="Le règlement de basket - Casal Sport">
            <a:extLst>
              <a:ext uri="{FF2B5EF4-FFF2-40B4-BE49-F238E27FC236}">
                <a16:creationId xmlns:a16="http://schemas.microsoft.com/office/drawing/2014/main" id="{76B4F09C-AAFE-7A6E-7C6A-2EBB8F1D0852}"/>
              </a:ext>
            </a:extLst>
          </p:cNvPr>
          <p:cNvPicPr>
            <a:picLocks noChangeAspect="1" noChangeArrowheads="1"/>
          </p:cNvPicPr>
          <p:nvPr>
            <p:custDataLst>
              <p:tags r:id="rId2"/>
            </p:custDataLst>
          </p:nvPr>
        </p:nvPicPr>
        <p:blipFill>
          <a:blip r:embed="rId7"/>
          <a:srcRect/>
          <a:stretch>
            <a:fillRect/>
          </a:stretch>
        </p:blipFill>
        <p:spPr bwMode="auto">
          <a:xfrm>
            <a:off x="9282393" y="251012"/>
            <a:ext cx="2305050" cy="1981200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76200" dist="38100" dir="78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contrasting" dir="t">
              <a:rot lat="0" lon="0" rev="4200000"/>
            </a:lightRig>
          </a:scene3d>
          <a:sp3d prstMaterial="plastic">
            <a:bevelT w="381000" h="114300" prst="relaxedInset"/>
            <a:contourClr>
              <a:srgbClr val="969696"/>
            </a:contourClr>
          </a:sp3d>
        </p:spPr>
      </p:pic>
      <p:sp>
        <p:nvSpPr>
          <p:cNvPr id="4100" name="ZoneTexte 1">
            <a:extLst>
              <a:ext uri="{FF2B5EF4-FFF2-40B4-BE49-F238E27FC236}">
                <a16:creationId xmlns:a16="http://schemas.microsoft.com/office/drawing/2014/main" id="{DC69C021-B8AE-5A25-33EE-9A590FAE560D}"/>
              </a:ext>
            </a:extLst>
          </p:cNvPr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3119438" y="666750"/>
            <a:ext cx="5756275" cy="163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6000"/>
              <a:t>Pôle sportif</a:t>
            </a:r>
          </a:p>
          <a:p>
            <a:pPr algn="ctr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4000"/>
              <a:t>Formation des cadres</a:t>
            </a:r>
          </a:p>
        </p:txBody>
      </p:sp>
      <p:sp>
        <p:nvSpPr>
          <p:cNvPr id="4101" name="ZoneTexte 5">
            <a:extLst>
              <a:ext uri="{FF2B5EF4-FFF2-40B4-BE49-F238E27FC236}">
                <a16:creationId xmlns:a16="http://schemas.microsoft.com/office/drawing/2014/main" id="{C3BE4944-A1FF-DB7B-155A-34992305326A}"/>
              </a:ext>
            </a:extLst>
          </p:cNvPr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703263" y="2563813"/>
            <a:ext cx="10785475" cy="3878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 dirty="0"/>
              <a:t>Saison 22-23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Formation de 8 jeunes en Découverte de l’arbitrage et de l’entrainement </a:t>
            </a:r>
            <a:r>
              <a:rPr lang="fr-FR" altLang="fr-FR" sz="2400" b="1" dirty="0"/>
              <a:t>(DAE) </a:t>
            </a:r>
            <a:r>
              <a:rPr lang="fr-FR" altLang="fr-FR" sz="1800" dirty="0"/>
              <a:t>(comité départemental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Formation de 3 jeunes en Brevet Fédéral enfants </a:t>
            </a:r>
            <a:r>
              <a:rPr lang="fr-FR" altLang="fr-FR" sz="2400" b="1" dirty="0"/>
              <a:t>(BF) </a:t>
            </a:r>
            <a:r>
              <a:rPr lang="fr-FR" altLang="fr-FR" sz="1800" dirty="0"/>
              <a:t>(comité départemental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b="1" dirty="0"/>
              <a:t>Saison 23-24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Formation de 8 jeunes en Découverte de l’arbitrage et de l’entrainement </a:t>
            </a:r>
            <a:r>
              <a:rPr lang="fr-FR" altLang="fr-FR" sz="2400" b="1" dirty="0"/>
              <a:t>(DAE) </a:t>
            </a:r>
            <a:r>
              <a:rPr lang="fr-FR" altLang="fr-FR" sz="1800" dirty="0"/>
              <a:t>(comité départemental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Formation de 4 jeunes en Brevet Fédéral enfants </a:t>
            </a:r>
            <a:r>
              <a:rPr lang="fr-FR" altLang="fr-FR" sz="2400" b="1" dirty="0"/>
              <a:t>(BF) </a:t>
            </a:r>
            <a:r>
              <a:rPr lang="fr-FR" altLang="fr-FR" sz="1800" dirty="0"/>
              <a:t>(comité départemental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Formation d’une jeune en  diplôme d’entraineur territorial de Basket-ball </a:t>
            </a:r>
            <a:r>
              <a:rPr lang="fr-FR" altLang="fr-FR" sz="2400" b="1" dirty="0"/>
              <a:t>(DETB) </a:t>
            </a:r>
            <a:r>
              <a:rPr lang="fr-FR" altLang="fr-FR" sz="1800" dirty="0"/>
              <a:t>(Ligue régionale de basket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Formation d’un Arbitre majeur (bonification d’un point pour les seniors 1)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fr-FR" altLang="fr-FR" sz="1800" dirty="0"/>
          </a:p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fr-FR" altLang="fr-FR" sz="1800" dirty="0"/>
              <a:t>Formation d’un formateur de formateur pour devenir centre agréé formation BF (comité départemental)</a:t>
            </a:r>
          </a:p>
        </p:txBody>
      </p: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101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3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4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1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4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2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4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5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1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2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988398001501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1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6_adidas_SPORT_PERFORMANCE">
  <a:themeElements>
    <a:clrScheme name="Adidas (Sport)">
      <a:dk1>
        <a:srgbClr val="000000"/>
      </a:dk1>
      <a:lt1>
        <a:srgbClr val="FFFFFF"/>
      </a:lt1>
      <a:dk2>
        <a:srgbClr val="FFFFFF"/>
      </a:dk2>
      <a:lt2>
        <a:srgbClr val="FFFFFF"/>
      </a:lt2>
      <a:accent1>
        <a:srgbClr val="000000"/>
      </a:accent1>
      <a:accent2>
        <a:srgbClr val="969696"/>
      </a:accent2>
      <a:accent3>
        <a:srgbClr val="B71234"/>
      </a:accent3>
      <a:accent4>
        <a:srgbClr val="007934"/>
      </a:accent4>
      <a:accent5>
        <a:srgbClr val="0046AD"/>
      </a:accent5>
      <a:accent6>
        <a:srgbClr val="FFA100"/>
      </a:accent6>
      <a:hlink>
        <a:srgbClr val="000000"/>
      </a:hlink>
      <a:folHlink>
        <a:srgbClr val="000000"/>
      </a:folHlink>
    </a:clrScheme>
    <a:fontScheme name="Adidas (Brand)">
      <a:majorFont>
        <a:latin typeface="adiNeue Bold"/>
        <a:ea typeface=""/>
        <a:cs typeface=""/>
      </a:majorFont>
      <a:minorFont>
        <a:latin typeface="AdiHau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ln>
          <a:miter lim="800000"/>
        </a:ln>
      </a:spPr>
      <a:bodyPr lIns="72000" tIns="72000" rIns="72000" bIns="72000" rtlCol="0" anchor="ctr"/>
      <a:lstStyle>
        <a:defPPr algn="ctr">
          <a:spcBef>
            <a:spcPts val="0"/>
          </a:spcBef>
          <a:defRPr sz="1400" smtClean="0"/>
        </a:defPPr>
      </a:lstStyle>
      <a:style>
        <a:lnRef idx="3">
          <a:schemeClr val="lt1"/>
        </a:lnRef>
        <a:fillRef idx="1">
          <a:schemeClr val="accent1"/>
        </a:fillRef>
        <a:effectRef idx="1">
          <a:schemeClr val="accent1"/>
        </a:effectRef>
        <a:fontRef idx="minor">
          <a:schemeClr val="lt1"/>
        </a:fontRef>
      </a:style>
    </a:spDef>
    <a:lnDef>
      <a:spPr bwMode="gray">
        <a:ln>
          <a:headEnd type="none"/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gray">
        <a:noFill/>
      </a:spPr>
      <a:bodyPr wrap="square" lIns="0" tIns="0" rIns="0" bIns="0" rtlCol="0" anchor="t" anchorCtr="0">
        <a:noAutofit/>
      </a:bodyPr>
      <a:lstStyle>
        <a:defPPr algn="l">
          <a:lnSpc>
            <a:spcPct val="90000"/>
          </a:lnSpc>
          <a:defRPr sz="1400" dirty="0" err="1" smtClean="0"/>
        </a:defPPr>
      </a:lstStyle>
    </a:tx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Metadata/LabelInfo.xml><?xml version="1.0" encoding="utf-8"?>
<clbl:labelList xmlns:clbl="http://schemas.microsoft.com/office/2020/mipLabelMetadata">
  <clbl:label id="{1c3ba50a-93e8-411f-aceb-87183474575f}" enabled="1" method="Privileged" siteId="{3bfeb222-e42c-4535-aace-ea6f7751369b}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82</Words>
  <Application>Microsoft Office PowerPoint</Application>
  <PresentationFormat>Widescreen</PresentationFormat>
  <Paragraphs>586</Paragraphs>
  <Slides>88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88</vt:i4>
      </vt:variant>
    </vt:vector>
  </HeadingPairs>
  <TitlesOfParts>
    <vt:vector size="102" baseType="lpstr">
      <vt:lpstr>AdiHaus</vt:lpstr>
      <vt:lpstr>AdihausDIN</vt:lpstr>
      <vt:lpstr>adiNeue Bold</vt:lpstr>
      <vt:lpstr>Arial</vt:lpstr>
      <vt:lpstr>BookmanOldStyle</vt:lpstr>
      <vt:lpstr>Brush Script MT</vt:lpstr>
      <vt:lpstr>Calibri</vt:lpstr>
      <vt:lpstr>Calibri Light</vt:lpstr>
      <vt:lpstr>Courier New</vt:lpstr>
      <vt:lpstr>Roboto</vt:lpstr>
      <vt:lpstr>Symbol</vt:lpstr>
      <vt:lpstr>Wingdings</vt:lpstr>
      <vt:lpstr>Office Theme</vt:lpstr>
      <vt:lpstr>6_adidas_SPORT_PERFORMANC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Le Basket santé Le basket santé c’est aussi vivre le basket autrement ! </vt:lpstr>
      <vt:lpstr>Entraîneur diplômé et qualifié  Charlie </vt:lpstr>
      <vt:lpstr>Quelques Chiffres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ommission communication 2022/2023</vt:lpstr>
      <vt:lpstr>PowerPoint Presentation</vt:lpstr>
      <vt:lpstr>PowerPoint Presentation</vt:lpstr>
      <vt:lpstr>PowerPoint Presentation</vt:lpstr>
      <vt:lpstr>PowerPoint Presentation</vt:lpstr>
      <vt:lpstr>② BILAN FINANCIER :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aizet, Sebastien</dc:creator>
  <cp:lastModifiedBy>Laizet, Sebastien</cp:lastModifiedBy>
  <cp:revision>99</cp:revision>
  <cp:lastPrinted>2022-06-15T09:24:38Z</cp:lastPrinted>
  <dcterms:created xsi:type="dcterms:W3CDTF">2022-02-27T15:35:17Z</dcterms:created>
  <dcterms:modified xsi:type="dcterms:W3CDTF">2023-09-19T19:57:59Z</dcterms:modified>
</cp:coreProperties>
</file>